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8環境部\0804環境政策\s1\03廃棄物対策\03産業廃棄物\02事前協\01県外廃\R05\01案内\搬入協議セット\ホームページ掲載用\処分業者\"/>
    </mc:Choice>
  </mc:AlternateContent>
  <bookViews>
    <workbookView xWindow="-15" yWindow="4530" windowWidth="15330" windowHeight="4575" tabRatio="650"/>
  </bookViews>
  <sheets>
    <sheet name="県外産廃処分実績報告様式" sheetId="7" r:id="rId1"/>
    <sheet name="地域コード" sheetId="13" r:id="rId2"/>
    <sheet name="産業廃棄物の種類" sheetId="11" r:id="rId3"/>
    <sheet name="処分方法" sheetId="12" r:id="rId4"/>
  </sheets>
  <definedNames>
    <definedName name="_xlnm.Print_Area" localSheetId="0">県外産廃処分実績報告様式!$A$1:$AH$38</definedName>
    <definedName name="T_HOUHOU">#REF!</definedName>
    <definedName name="T_KEN">#REF!</definedName>
    <definedName name="T_STYOUSON">#REF!</definedName>
    <definedName name="業者マスタ">#REF!</definedName>
  </definedNames>
  <calcPr calcId="80000"/>
</workbook>
</file>

<file path=xl/sharedStrings.xml><?xml version="1.0" encoding="utf-8"?>
<sst xmlns="http://schemas.openxmlformats.org/spreadsheetml/2006/main" count="316" uniqueCount="284">
  <si>
    <t>記入担当者職氏名</t>
    <rPh sb="0" eb="2">
      <t>キニュウ</t>
    </rPh>
    <rPh sb="2" eb="5">
      <t>タントウシャ</t>
    </rPh>
    <rPh sb="5" eb="6">
      <t>ショク</t>
    </rPh>
    <rPh sb="6" eb="8">
      <t>シメイ</t>
    </rPh>
    <phoneticPr fontId="1"/>
  </si>
  <si>
    <t>コード</t>
    <phoneticPr fontId="1"/>
  </si>
  <si>
    <t>所在地</t>
    <rPh sb="0" eb="3">
      <t>ショザイチ</t>
    </rPh>
    <phoneticPr fontId="1"/>
  </si>
  <si>
    <t>※は記入しないこと</t>
    <rPh sb="2" eb="4">
      <t>キニュウ</t>
    </rPh>
    <phoneticPr fontId="1"/>
  </si>
  <si>
    <t>郵便番号</t>
    <rPh sb="0" eb="2">
      <t>ユウビン</t>
    </rPh>
    <rPh sb="2" eb="4">
      <t>バンゴウ</t>
    </rPh>
    <phoneticPr fontId="1"/>
  </si>
  <si>
    <t>(法人にあっては､主たる事務所の所在地､名称および代表者の氏名)</t>
    <phoneticPr fontId="1"/>
  </si>
  <si>
    <t>電話番号</t>
    <rPh sb="0" eb="2">
      <t>デンワ</t>
    </rPh>
    <rPh sb="2" eb="4">
      <t>バンゴウ</t>
    </rPh>
    <phoneticPr fontId="1"/>
  </si>
  <si>
    <t>許可番号</t>
    <rPh sb="0" eb="2">
      <t>キョカ</t>
    </rPh>
    <rPh sb="2" eb="4">
      <t>バンゴウ</t>
    </rPh>
    <phoneticPr fontId="1"/>
  </si>
  <si>
    <t>１　県外産業廃棄物を処分する施設</t>
    <rPh sb="2" eb="4">
      <t>ケンガイ</t>
    </rPh>
    <rPh sb="4" eb="6">
      <t>サンギョウ</t>
    </rPh>
    <rPh sb="6" eb="9">
      <t>ハイキブツ</t>
    </rPh>
    <rPh sb="10" eb="12">
      <t>ショブン</t>
    </rPh>
    <rPh sb="14" eb="16">
      <t>シセツ</t>
    </rPh>
    <phoneticPr fontId="1"/>
  </si>
  <si>
    <t>２　処分実績</t>
    <rPh sb="2" eb="4">
      <t>ショブン</t>
    </rPh>
    <rPh sb="4" eb="6">
      <t>ジッセキ</t>
    </rPh>
    <phoneticPr fontId="1"/>
  </si>
  <si>
    <t>施設の種類</t>
    <rPh sb="0" eb="2">
      <t>シセツ</t>
    </rPh>
    <rPh sb="3" eb="5">
      <t>シュルイ</t>
    </rPh>
    <phoneticPr fontId="1"/>
  </si>
  <si>
    <t>名　　　称</t>
    <rPh sb="0" eb="1">
      <t>ナ</t>
    </rPh>
    <rPh sb="4" eb="5">
      <t>ショウ</t>
    </rPh>
    <phoneticPr fontId="1"/>
  </si>
  <si>
    <t>ｺｰﾄﾞ</t>
    <phoneticPr fontId="1"/>
  </si>
  <si>
    <t>市町村ｺｰﾄﾞ</t>
    <rPh sb="0" eb="3">
      <t>シチョウソン</t>
    </rPh>
    <phoneticPr fontId="1"/>
  </si>
  <si>
    <t>連絡先</t>
    <rPh sb="0" eb="3">
      <t>レンラクサキ</t>
    </rPh>
    <phoneticPr fontId="1"/>
  </si>
  <si>
    <t>都道府県</t>
    <rPh sb="0" eb="4">
      <t>トドウフケン</t>
    </rPh>
    <phoneticPr fontId="1"/>
  </si>
  <si>
    <t>　産　業　廃　棄　物　の</t>
    <rPh sb="1" eb="2">
      <t>サン</t>
    </rPh>
    <rPh sb="3" eb="4">
      <t>ギョウ</t>
    </rPh>
    <rPh sb="5" eb="6">
      <t>ハイ</t>
    </rPh>
    <rPh sb="7" eb="8">
      <t>ス</t>
    </rPh>
    <rPh sb="9" eb="10">
      <t>ブツ</t>
    </rPh>
    <phoneticPr fontId="1"/>
  </si>
  <si>
    <t>　種　類</t>
    <rPh sb="1" eb="2">
      <t>タネ</t>
    </rPh>
    <rPh sb="3" eb="4">
      <t>タグイ</t>
    </rPh>
    <phoneticPr fontId="1"/>
  </si>
  <si>
    <t>県　　外　　産　　業　　廃　　棄　　物　　排　　出　　事　　業　　場</t>
    <rPh sb="0" eb="1">
      <t>ケン</t>
    </rPh>
    <rPh sb="3" eb="4">
      <t>ガイ</t>
    </rPh>
    <rPh sb="6" eb="7">
      <t>サン</t>
    </rPh>
    <rPh sb="9" eb="10">
      <t>ギョウ</t>
    </rPh>
    <rPh sb="12" eb="13">
      <t>ハイ</t>
    </rPh>
    <rPh sb="15" eb="16">
      <t>ス</t>
    </rPh>
    <rPh sb="18" eb="19">
      <t>ブツ</t>
    </rPh>
    <rPh sb="21" eb="22">
      <t>ハイ</t>
    </rPh>
    <rPh sb="24" eb="25">
      <t>デ</t>
    </rPh>
    <rPh sb="27" eb="28">
      <t>コト</t>
    </rPh>
    <rPh sb="30" eb="31">
      <t>ギョウ</t>
    </rPh>
    <rPh sb="33" eb="34">
      <t>バ</t>
    </rPh>
    <phoneticPr fontId="1"/>
  </si>
  <si>
    <t>処　　分　　量</t>
    <rPh sb="0" eb="1">
      <t>トコロ</t>
    </rPh>
    <rPh sb="3" eb="4">
      <t>ブン</t>
    </rPh>
    <rPh sb="6" eb="7">
      <t>リョウ</t>
    </rPh>
    <phoneticPr fontId="1"/>
  </si>
  <si>
    <t>(t)</t>
    <phoneticPr fontId="1"/>
  </si>
  <si>
    <t>．</t>
    <phoneticPr fontId="1"/>
  </si>
  <si>
    <t>(0.1tの単位まで入力)</t>
    <rPh sb="6" eb="8">
      <t>タンイ</t>
    </rPh>
    <rPh sb="10" eb="12">
      <t>ニュウリョク</t>
    </rPh>
    <phoneticPr fontId="1"/>
  </si>
  <si>
    <t>住　　所</t>
    <rPh sb="0" eb="1">
      <t>ジュウ</t>
    </rPh>
    <rPh sb="3" eb="4">
      <t>ショ</t>
    </rPh>
    <phoneticPr fontId="1"/>
  </si>
  <si>
    <t>氏　　名</t>
    <rPh sb="0" eb="1">
      <t>シ</t>
    </rPh>
    <rPh sb="3" eb="4">
      <t>メイ</t>
    </rPh>
    <phoneticPr fontId="1"/>
  </si>
  <si>
    <t>日</t>
    <rPh sb="0" eb="1">
      <t>ニチ</t>
    </rPh>
    <phoneticPr fontId="1"/>
  </si>
  <si>
    <t>月</t>
    <rPh sb="0" eb="1">
      <t>ツキ</t>
    </rPh>
    <phoneticPr fontId="1"/>
  </si>
  <si>
    <t>年</t>
    <rPh sb="0" eb="1">
      <t>ネン</t>
    </rPh>
    <phoneticPr fontId="1"/>
  </si>
  <si>
    <t>搬入先ｺｰﾄﾞ※</t>
    <rPh sb="0" eb="2">
      <t>ハンニュウ</t>
    </rPh>
    <rPh sb="2" eb="3">
      <t>サキ</t>
    </rPh>
    <phoneticPr fontId="1"/>
  </si>
  <si>
    <t>所　  在　  地</t>
    <rPh sb="0" eb="1">
      <t>トコロ</t>
    </rPh>
    <rPh sb="4" eb="5">
      <t>ザイ</t>
    </rPh>
    <rPh sb="8" eb="9">
      <t>チ</t>
    </rPh>
    <phoneticPr fontId="1"/>
  </si>
  <si>
    <t>コード</t>
    <phoneticPr fontId="1"/>
  </si>
  <si>
    <t>　　処　分　方　法</t>
    <rPh sb="2" eb="3">
      <t>トコロ</t>
    </rPh>
    <rPh sb="4" eb="5">
      <t>ブン</t>
    </rPh>
    <rPh sb="6" eb="7">
      <t>ホウ</t>
    </rPh>
    <rPh sb="8" eb="9">
      <t>ホウ</t>
    </rPh>
    <phoneticPr fontId="1"/>
  </si>
  <si>
    <t>大阪府</t>
    <rPh sb="0" eb="3">
      <t>オオサカフ</t>
    </rPh>
    <phoneticPr fontId="1"/>
  </si>
  <si>
    <t>奈良県</t>
    <rPh sb="0" eb="3">
      <t>ナラケン</t>
    </rPh>
    <phoneticPr fontId="1"/>
  </si>
  <si>
    <t>種類コード</t>
    <rPh sb="0" eb="2">
      <t>シュルイ</t>
    </rPh>
    <phoneticPr fontId="1"/>
  </si>
  <si>
    <t>産業廃棄物の種類</t>
    <rPh sb="0" eb="5">
      <t>サンパイ</t>
    </rPh>
    <rPh sb="6" eb="8">
      <t>シュルイ</t>
    </rPh>
    <phoneticPr fontId="1"/>
  </si>
  <si>
    <t>0100</t>
  </si>
  <si>
    <t>燃え殻</t>
  </si>
  <si>
    <t>0101</t>
  </si>
  <si>
    <t>有害燃え殻</t>
  </si>
  <si>
    <t>0201</t>
  </si>
  <si>
    <t>有害汚泥</t>
  </si>
  <si>
    <t>0210</t>
  </si>
  <si>
    <t>汚泥（有機物）</t>
  </si>
  <si>
    <t>0220</t>
  </si>
  <si>
    <t>汚泥（無機物）</t>
  </si>
  <si>
    <t>0230</t>
  </si>
  <si>
    <t>汚泥（建設）</t>
  </si>
  <si>
    <t>0240</t>
  </si>
  <si>
    <t>汚泥（上水道）</t>
  </si>
  <si>
    <t>0250</t>
  </si>
  <si>
    <t>汚泥（下水道）</t>
  </si>
  <si>
    <t>0251</t>
  </si>
  <si>
    <t>有害指定下水汚泥</t>
  </si>
  <si>
    <t>0300</t>
  </si>
  <si>
    <t>廃油</t>
  </si>
  <si>
    <t>0311</t>
  </si>
  <si>
    <t>引火性廃油</t>
  </si>
  <si>
    <t>0321</t>
  </si>
  <si>
    <t>有害廃油</t>
  </si>
  <si>
    <t>0331</t>
  </si>
  <si>
    <t>廃PCB等PCB汚染物</t>
  </si>
  <si>
    <t>0400</t>
  </si>
  <si>
    <t>廃酸</t>
  </si>
  <si>
    <t>0411</t>
  </si>
  <si>
    <t>腐食性廃酸</t>
  </si>
  <si>
    <t>0421</t>
  </si>
  <si>
    <t>有害廃酸</t>
  </si>
  <si>
    <t>0500</t>
  </si>
  <si>
    <t>廃ｱﾙｶﾘ</t>
  </si>
  <si>
    <t>0511</t>
  </si>
  <si>
    <t>腐食性廃ｱﾙｶﾘ</t>
  </si>
  <si>
    <t>0521</t>
  </si>
  <si>
    <t>有害廃ｱﾙｶﾘ</t>
  </si>
  <si>
    <t>0600</t>
  </si>
  <si>
    <t>鉱さい</t>
  </si>
  <si>
    <t>0601</t>
  </si>
  <si>
    <t>有害鉱さい</t>
  </si>
  <si>
    <t>0700</t>
  </si>
  <si>
    <t>ばいじん</t>
  </si>
  <si>
    <t>0701</t>
  </si>
  <si>
    <t>有害ばいじん</t>
  </si>
  <si>
    <t>0801</t>
  </si>
  <si>
    <t>廃石綿等</t>
  </si>
  <si>
    <t>0810</t>
  </si>
  <si>
    <t>がれき類(ｺﾝｸﾘｰﾄ)</t>
    <rPh sb="3" eb="4">
      <t>ルイ</t>
    </rPh>
    <phoneticPr fontId="1"/>
  </si>
  <si>
    <t>0820</t>
  </si>
  <si>
    <t>がれき類(ｱｽﾌｧﾙﾄ)</t>
    <rPh sb="3" eb="4">
      <t>ルイ</t>
    </rPh>
    <phoneticPr fontId="1"/>
  </si>
  <si>
    <t>0830</t>
  </si>
  <si>
    <t>がれき類(その他)</t>
    <rPh sb="3" eb="4">
      <t>ルイ</t>
    </rPh>
    <phoneticPr fontId="1"/>
  </si>
  <si>
    <t>0900</t>
  </si>
  <si>
    <t>ｶﾞﾗｽ､ｺﾝｸﾘｰﾄ､陶磁器くず</t>
    <phoneticPr fontId="1"/>
  </si>
  <si>
    <t>1010</t>
  </si>
  <si>
    <t>廃ﾌﾟﾗｽﾁｯｸ類</t>
  </si>
  <si>
    <t>1020</t>
  </si>
  <si>
    <t>廃ﾀｲﾔ</t>
  </si>
  <si>
    <t>1100</t>
  </si>
  <si>
    <t>金属くず</t>
  </si>
  <si>
    <t>1200</t>
  </si>
  <si>
    <t>ゴムくず</t>
  </si>
  <si>
    <t>1300</t>
  </si>
  <si>
    <t>紙くず</t>
  </si>
  <si>
    <t>1410</t>
  </si>
  <si>
    <t>解体木くず</t>
  </si>
  <si>
    <t>1420</t>
  </si>
  <si>
    <t>その他木くず</t>
  </si>
  <si>
    <t>1500</t>
  </si>
  <si>
    <t>繊維くず</t>
  </si>
  <si>
    <t>1600</t>
  </si>
  <si>
    <t>動植物性残さ</t>
  </si>
  <si>
    <t>1700</t>
  </si>
  <si>
    <t>動物のふん尿</t>
  </si>
  <si>
    <t>1800</t>
  </si>
  <si>
    <t>動物の死体</t>
  </si>
  <si>
    <t>1900</t>
  </si>
  <si>
    <t>政令13号廃棄物</t>
  </si>
  <si>
    <t>2001</t>
  </si>
  <si>
    <t>感染性廃棄物</t>
  </si>
  <si>
    <t>0000</t>
    <phoneticPr fontId="1"/>
  </si>
  <si>
    <t xml:space="preserve"> 処理方法コード</t>
    <rPh sb="1" eb="3">
      <t>ショリ</t>
    </rPh>
    <rPh sb="3" eb="5">
      <t>ホウホウ</t>
    </rPh>
    <phoneticPr fontId="1"/>
  </si>
  <si>
    <t>処理方法</t>
    <rPh sb="0" eb="2">
      <t>ショリ</t>
    </rPh>
    <rPh sb="2" eb="4">
      <t>ホウホウ</t>
    </rPh>
    <phoneticPr fontId="1"/>
  </si>
  <si>
    <t>01</t>
  </si>
  <si>
    <t>焼　却</t>
  </si>
  <si>
    <t>02</t>
  </si>
  <si>
    <t>脱　水</t>
  </si>
  <si>
    <t>03</t>
  </si>
  <si>
    <t>乾　燥</t>
  </si>
  <si>
    <t>04</t>
  </si>
  <si>
    <t>油水分離</t>
  </si>
  <si>
    <t>05</t>
  </si>
  <si>
    <t>破　砕　</t>
  </si>
  <si>
    <t>06</t>
  </si>
  <si>
    <t>圧　縮</t>
  </si>
  <si>
    <t>07</t>
  </si>
  <si>
    <t>中　和</t>
  </si>
  <si>
    <t>08</t>
  </si>
  <si>
    <t>溶　融</t>
  </si>
  <si>
    <t>09</t>
  </si>
  <si>
    <t>ｺﾝｸﾘｰﾄ固化</t>
    <phoneticPr fontId="1"/>
  </si>
  <si>
    <t>10</t>
  </si>
  <si>
    <t>蒸　留</t>
  </si>
  <si>
    <t>11</t>
  </si>
  <si>
    <t>破砕選別</t>
    <rPh sb="0" eb="2">
      <t>ハサイ</t>
    </rPh>
    <phoneticPr fontId="1"/>
  </si>
  <si>
    <t>12</t>
  </si>
  <si>
    <t>埋　立</t>
  </si>
  <si>
    <t>13</t>
  </si>
  <si>
    <t>堆肥化</t>
    <phoneticPr fontId="1"/>
  </si>
  <si>
    <t>14</t>
  </si>
  <si>
    <t>その他</t>
  </si>
  <si>
    <t>15</t>
  </si>
  <si>
    <t>再生利用</t>
  </si>
  <si>
    <t>20</t>
  </si>
  <si>
    <t>売却</t>
  </si>
  <si>
    <t>00</t>
    <phoneticPr fontId="1"/>
  </si>
  <si>
    <t>富山市産業廃棄物適正処理指導要綱第２１条第２項の規定により、３月３１日以前の１年間の県外産業廃棄物の処分実績を次のとおり報告します。</t>
    <rPh sb="0" eb="3">
      <t>トヤマシ</t>
    </rPh>
    <rPh sb="3" eb="5">
      <t>サンギョウ</t>
    </rPh>
    <rPh sb="5" eb="8">
      <t>ハイキブツ</t>
    </rPh>
    <rPh sb="8" eb="10">
      <t>テキセイ</t>
    </rPh>
    <rPh sb="10" eb="12">
      <t>ショリ</t>
    </rPh>
    <rPh sb="12" eb="14">
      <t>シドウ</t>
    </rPh>
    <rPh sb="14" eb="16">
      <t>ヨウコウ</t>
    </rPh>
    <rPh sb="16" eb="17">
      <t>ダイ</t>
    </rPh>
    <rPh sb="19" eb="20">
      <t>ジョウ</t>
    </rPh>
    <rPh sb="20" eb="21">
      <t>ダイ</t>
    </rPh>
    <rPh sb="22" eb="23">
      <t>コウ</t>
    </rPh>
    <rPh sb="24" eb="26">
      <t>キテイ</t>
    </rPh>
    <rPh sb="31" eb="32">
      <t>ガツ</t>
    </rPh>
    <rPh sb="34" eb="35">
      <t>ニチ</t>
    </rPh>
    <rPh sb="35" eb="37">
      <t>イゼン</t>
    </rPh>
    <rPh sb="39" eb="41">
      <t>ネンカン</t>
    </rPh>
    <rPh sb="42" eb="44">
      <t>ケンガイ</t>
    </rPh>
    <rPh sb="44" eb="46">
      <t>サンギョウ</t>
    </rPh>
    <rPh sb="46" eb="49">
      <t>ハイキブツ</t>
    </rPh>
    <rPh sb="50" eb="52">
      <t>ショブン</t>
    </rPh>
    <rPh sb="52" eb="54">
      <t>ジッセキ</t>
    </rPh>
    <rPh sb="55" eb="56">
      <t>ツギ</t>
    </rPh>
    <rPh sb="60" eb="62">
      <t>ホウコク</t>
    </rPh>
    <phoneticPr fontId="1"/>
  </si>
  <si>
    <t>県外産業廃棄物処分実績報告書</t>
    <rPh sb="0" eb="1">
      <t>ケン</t>
    </rPh>
    <rPh sb="1" eb="2">
      <t>ガイ</t>
    </rPh>
    <rPh sb="2" eb="3">
      <t>サン</t>
    </rPh>
    <rPh sb="3" eb="4">
      <t>ギョウ</t>
    </rPh>
    <rPh sb="4" eb="5">
      <t>ハイ</t>
    </rPh>
    <rPh sb="5" eb="6">
      <t>ス</t>
    </rPh>
    <rPh sb="6" eb="7">
      <t>ブツ</t>
    </rPh>
    <rPh sb="7" eb="8">
      <t>トコロ</t>
    </rPh>
    <rPh sb="8" eb="9">
      <t>ブン</t>
    </rPh>
    <rPh sb="9" eb="10">
      <t>ジツ</t>
    </rPh>
    <rPh sb="10" eb="11">
      <t>ツムギ</t>
    </rPh>
    <rPh sb="11" eb="12">
      <t>ホウ</t>
    </rPh>
    <rPh sb="12" eb="13">
      <t>コク</t>
    </rPh>
    <rPh sb="13" eb="14">
      <t>ショ</t>
    </rPh>
    <phoneticPr fontId="1"/>
  </si>
  <si>
    <t>市町村</t>
  </si>
  <si>
    <t>富山市</t>
  </si>
  <si>
    <t>氷見市</t>
  </si>
  <si>
    <t>砺波市</t>
  </si>
  <si>
    <t>射水市</t>
  </si>
  <si>
    <t>立山町</t>
  </si>
  <si>
    <t>高岡市</t>
  </si>
  <si>
    <t>滑川市</t>
  </si>
  <si>
    <t>小矢部市</t>
  </si>
  <si>
    <t>舟橋村</t>
  </si>
  <si>
    <t>入善町</t>
  </si>
  <si>
    <t>魚津市</t>
  </si>
  <si>
    <t>黒部市</t>
  </si>
  <si>
    <t>南砺市</t>
  </si>
  <si>
    <t>上市町</t>
  </si>
  <si>
    <t>朝日町</t>
  </si>
  <si>
    <t>北海道</t>
    <rPh sb="0" eb="3">
      <t>ホッカイドウ</t>
    </rPh>
    <phoneticPr fontId="1"/>
  </si>
  <si>
    <t>茨城県</t>
    <rPh sb="0" eb="3">
      <t>イバラキケン</t>
    </rPh>
    <phoneticPr fontId="1"/>
  </si>
  <si>
    <t>００８</t>
  </si>
  <si>
    <t>新潟県</t>
    <rPh sb="0" eb="3">
      <t>ニイガタケン</t>
    </rPh>
    <phoneticPr fontId="1"/>
  </si>
  <si>
    <t>０１５</t>
  </si>
  <si>
    <t>静岡県</t>
    <rPh sb="0" eb="3">
      <t>シズオカケン</t>
    </rPh>
    <phoneticPr fontId="1"/>
  </si>
  <si>
    <t>０２２</t>
  </si>
  <si>
    <t>０２９</t>
  </si>
  <si>
    <t>徳島県</t>
    <rPh sb="0" eb="3">
      <t>トクシマケン</t>
    </rPh>
    <phoneticPr fontId="1"/>
  </si>
  <si>
    <t>０３６</t>
  </si>
  <si>
    <t>熊本県</t>
    <rPh sb="0" eb="3">
      <t>クマモトケン</t>
    </rPh>
    <phoneticPr fontId="1"/>
  </si>
  <si>
    <t>０４３</t>
  </si>
  <si>
    <t>青森県</t>
    <rPh sb="0" eb="3">
      <t>アオモリケン</t>
    </rPh>
    <phoneticPr fontId="1"/>
  </si>
  <si>
    <t>００２</t>
  </si>
  <si>
    <t>栃木県</t>
    <rPh sb="0" eb="3">
      <t>トチギケン</t>
    </rPh>
    <phoneticPr fontId="1"/>
  </si>
  <si>
    <t>００９</t>
  </si>
  <si>
    <t>富山県</t>
    <rPh sb="0" eb="3">
      <t>トヤマケン</t>
    </rPh>
    <phoneticPr fontId="1"/>
  </si>
  <si>
    <t>０１６</t>
  </si>
  <si>
    <t>愛知県</t>
    <rPh sb="0" eb="3">
      <t>アイチケン</t>
    </rPh>
    <phoneticPr fontId="1"/>
  </si>
  <si>
    <t>０２３</t>
  </si>
  <si>
    <t>和歌山県</t>
    <rPh sb="0" eb="4">
      <t>ワカヤマケン</t>
    </rPh>
    <phoneticPr fontId="1"/>
  </si>
  <si>
    <t>０３０</t>
  </si>
  <si>
    <t>香川県</t>
    <rPh sb="0" eb="3">
      <t>カガワケン</t>
    </rPh>
    <phoneticPr fontId="1"/>
  </si>
  <si>
    <t>０３７</t>
  </si>
  <si>
    <t>大分県</t>
    <rPh sb="0" eb="3">
      <t>オオイタケン</t>
    </rPh>
    <phoneticPr fontId="1"/>
  </si>
  <si>
    <t>０４４</t>
  </si>
  <si>
    <t>岩手県</t>
    <rPh sb="0" eb="3">
      <t>イワテケン</t>
    </rPh>
    <phoneticPr fontId="1"/>
  </si>
  <si>
    <t>００３</t>
  </si>
  <si>
    <t>群馬県</t>
    <rPh sb="0" eb="3">
      <t>グンマケン</t>
    </rPh>
    <phoneticPr fontId="1"/>
  </si>
  <si>
    <t>０１０</t>
  </si>
  <si>
    <t>石川県</t>
    <rPh sb="0" eb="3">
      <t>イシカワケン</t>
    </rPh>
    <phoneticPr fontId="1"/>
  </si>
  <si>
    <t>０１７</t>
  </si>
  <si>
    <t>三重県</t>
    <rPh sb="0" eb="3">
      <t>ミエケン</t>
    </rPh>
    <phoneticPr fontId="1"/>
  </si>
  <si>
    <t>０２４</t>
  </si>
  <si>
    <t>鳥取県</t>
    <rPh sb="0" eb="3">
      <t>トットリケン</t>
    </rPh>
    <phoneticPr fontId="1"/>
  </si>
  <si>
    <t>０３１</t>
  </si>
  <si>
    <t>愛媛県</t>
    <rPh sb="0" eb="3">
      <t>エヒメケン</t>
    </rPh>
    <phoneticPr fontId="1"/>
  </si>
  <si>
    <t>０３８</t>
  </si>
  <si>
    <t>宮崎県</t>
    <rPh sb="0" eb="3">
      <t>ミヤザキケン</t>
    </rPh>
    <phoneticPr fontId="1"/>
  </si>
  <si>
    <t>０４５</t>
  </si>
  <si>
    <t>宮城県</t>
    <rPh sb="0" eb="3">
      <t>ミヤギケン</t>
    </rPh>
    <phoneticPr fontId="1"/>
  </si>
  <si>
    <t>００４</t>
  </si>
  <si>
    <t>埼玉県</t>
    <rPh sb="0" eb="3">
      <t>サイタマケン</t>
    </rPh>
    <phoneticPr fontId="1"/>
  </si>
  <si>
    <t>０１１</t>
  </si>
  <si>
    <t>福井県</t>
    <rPh sb="0" eb="3">
      <t>フクイケン</t>
    </rPh>
    <phoneticPr fontId="1"/>
  </si>
  <si>
    <t>０１８</t>
  </si>
  <si>
    <t>滋賀県</t>
    <rPh sb="0" eb="2">
      <t>シガ</t>
    </rPh>
    <rPh sb="2" eb="3">
      <t>ケン</t>
    </rPh>
    <phoneticPr fontId="1"/>
  </si>
  <si>
    <t>０２５</t>
  </si>
  <si>
    <t>島根県</t>
    <rPh sb="0" eb="3">
      <t>シマネケン</t>
    </rPh>
    <phoneticPr fontId="1"/>
  </si>
  <si>
    <t>０３２</t>
  </si>
  <si>
    <t>高知県</t>
    <rPh sb="0" eb="3">
      <t>コウチケン</t>
    </rPh>
    <phoneticPr fontId="1"/>
  </si>
  <si>
    <t>０３９</t>
  </si>
  <si>
    <t>鹿児島県</t>
    <rPh sb="0" eb="4">
      <t>カゴシマケン</t>
    </rPh>
    <phoneticPr fontId="1"/>
  </si>
  <si>
    <t>０４６</t>
  </si>
  <si>
    <t>秋田県</t>
    <rPh sb="0" eb="3">
      <t>アキタケン</t>
    </rPh>
    <phoneticPr fontId="1"/>
  </si>
  <si>
    <t>００５</t>
  </si>
  <si>
    <t>千葉県</t>
    <rPh sb="0" eb="3">
      <t>チバケン</t>
    </rPh>
    <phoneticPr fontId="1"/>
  </si>
  <si>
    <t>０１２</t>
  </si>
  <si>
    <t>山梨県</t>
    <rPh sb="0" eb="3">
      <t>ヤマナシケン</t>
    </rPh>
    <phoneticPr fontId="1"/>
  </si>
  <si>
    <t>０１９</t>
  </si>
  <si>
    <t>京都府</t>
    <rPh sb="0" eb="3">
      <t>キョウトフ</t>
    </rPh>
    <phoneticPr fontId="1"/>
  </si>
  <si>
    <t>０２６</t>
  </si>
  <si>
    <t>岡山県</t>
    <rPh sb="0" eb="3">
      <t>オカヤマケン</t>
    </rPh>
    <phoneticPr fontId="1"/>
  </si>
  <si>
    <t>０３３</t>
  </si>
  <si>
    <t>福岡県</t>
    <rPh sb="0" eb="3">
      <t>フクオカケン</t>
    </rPh>
    <phoneticPr fontId="1"/>
  </si>
  <si>
    <t>０４０</t>
  </si>
  <si>
    <t>沖縄県</t>
    <rPh sb="0" eb="3">
      <t>オキナワケン</t>
    </rPh>
    <phoneticPr fontId="1"/>
  </si>
  <si>
    <t>０４７</t>
  </si>
  <si>
    <t>山形県</t>
    <rPh sb="0" eb="3">
      <t>ヤマガタケン</t>
    </rPh>
    <phoneticPr fontId="1"/>
  </si>
  <si>
    <t>００６</t>
  </si>
  <si>
    <t>東京都</t>
    <rPh sb="0" eb="3">
      <t>トウキョウト</t>
    </rPh>
    <phoneticPr fontId="1"/>
  </si>
  <si>
    <t>０１３</t>
  </si>
  <si>
    <t>長野県</t>
    <rPh sb="0" eb="3">
      <t>ナガノケン</t>
    </rPh>
    <phoneticPr fontId="1"/>
  </si>
  <si>
    <t>０２０</t>
  </si>
  <si>
    <t>０２７</t>
  </si>
  <si>
    <t>広島県</t>
    <rPh sb="0" eb="3">
      <t>ヒロシマケン</t>
    </rPh>
    <phoneticPr fontId="1"/>
  </si>
  <si>
    <t>０３４</t>
  </si>
  <si>
    <t>佐賀県</t>
    <rPh sb="0" eb="3">
      <t>サガケン</t>
    </rPh>
    <phoneticPr fontId="1"/>
  </si>
  <si>
    <t>０４１</t>
  </si>
  <si>
    <t>福島県</t>
    <rPh sb="0" eb="3">
      <t>フクシマケン</t>
    </rPh>
    <phoneticPr fontId="1"/>
  </si>
  <si>
    <t>００７</t>
  </si>
  <si>
    <t>神奈川県</t>
    <rPh sb="0" eb="4">
      <t>カナガワケン</t>
    </rPh>
    <phoneticPr fontId="1"/>
  </si>
  <si>
    <t>０１４</t>
  </si>
  <si>
    <t>岐阜県</t>
    <rPh sb="0" eb="3">
      <t>ギフケン</t>
    </rPh>
    <phoneticPr fontId="1"/>
  </si>
  <si>
    <t>０２１</t>
  </si>
  <si>
    <t>兵庫県</t>
    <rPh sb="0" eb="3">
      <t>ヒョウゴケン</t>
    </rPh>
    <phoneticPr fontId="1"/>
  </si>
  <si>
    <t>０２８</t>
  </si>
  <si>
    <t>山口県</t>
    <rPh sb="0" eb="3">
      <t>ヤマグチケン</t>
    </rPh>
    <phoneticPr fontId="1"/>
  </si>
  <si>
    <t>０３５</t>
  </si>
  <si>
    <t>長崎県</t>
    <rPh sb="0" eb="3">
      <t>ナガサキケン</t>
    </rPh>
    <phoneticPr fontId="1"/>
  </si>
  <si>
    <t>０４２</t>
  </si>
  <si>
    <t>所在地コード</t>
    <phoneticPr fontId="1"/>
  </si>
  <si>
    <t>２０１</t>
    <phoneticPr fontId="1"/>
  </si>
  <si>
    <t>２０５</t>
    <phoneticPr fontId="1"/>
  </si>
  <si>
    <t>２０８</t>
    <phoneticPr fontId="1"/>
  </si>
  <si>
    <t>２１１</t>
    <phoneticPr fontId="1"/>
  </si>
  <si>
    <t>３２３</t>
    <phoneticPr fontId="1"/>
  </si>
  <si>
    <t>２０２</t>
    <phoneticPr fontId="1"/>
  </si>
  <si>
    <t>２０６</t>
    <phoneticPr fontId="1"/>
  </si>
  <si>
    <t>２０９</t>
    <phoneticPr fontId="1"/>
  </si>
  <si>
    <t>３２１</t>
    <phoneticPr fontId="1"/>
  </si>
  <si>
    <t>３４２</t>
    <phoneticPr fontId="1"/>
  </si>
  <si>
    <t>２０４</t>
    <phoneticPr fontId="1"/>
  </si>
  <si>
    <t>２０７</t>
    <phoneticPr fontId="1"/>
  </si>
  <si>
    <t>２１０</t>
    <phoneticPr fontId="1"/>
  </si>
  <si>
    <t>３２２</t>
    <phoneticPr fontId="1"/>
  </si>
  <si>
    <t>３４３</t>
    <phoneticPr fontId="1"/>
  </si>
  <si>
    <t>コード</t>
    <phoneticPr fontId="1"/>
  </si>
  <si>
    <t>００１</t>
    <phoneticPr fontId="1"/>
  </si>
  <si>
    <t>地域コード</t>
    <rPh sb="0" eb="2">
      <t>チイキ</t>
    </rPh>
    <phoneticPr fontId="1"/>
  </si>
  <si>
    <t>承認番号</t>
    <rPh sb="0" eb="2">
      <t>ショウニン</t>
    </rPh>
    <rPh sb="2" eb="4">
      <t>バンゴウ</t>
    </rPh>
    <phoneticPr fontId="1"/>
  </si>
  <si>
    <t>（宛先）　富山市長</t>
    <rPh sb="1" eb="3">
      <t>アテサキ</t>
    </rPh>
    <rPh sb="5" eb="7">
      <t>トヤマ</t>
    </rPh>
    <rPh sb="7" eb="9">
      <t>シチ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 x14ac:knownFonts="1"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ゴシック"/>
      <family val="3"/>
      <charset val="128"/>
    </font>
    <font>
      <sz val="8"/>
      <name val="ＭＳ ゴシック"/>
      <family val="3"/>
      <charset val="128"/>
    </font>
    <font>
      <b/>
      <sz val="20"/>
      <name val="ＭＳ ゴシック"/>
      <family val="3"/>
      <charset val="128"/>
    </font>
    <font>
      <sz val="12"/>
      <name val="ＭＳ ゴシック"/>
      <family val="3"/>
      <charset val="128"/>
    </font>
    <font>
      <sz val="9"/>
      <name val="ＭＳ ゴシック"/>
      <family val="3"/>
      <charset val="128"/>
    </font>
    <font>
      <sz val="9"/>
      <color indexed="8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b/>
      <sz val="18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1"/>
      <name val="ＭＳ Ｐ明朝"/>
      <family val="1"/>
      <charset val="128"/>
    </font>
  </fonts>
  <fills count="8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indexed="41"/>
        <bgColor indexed="0"/>
      </patternFill>
    </fill>
    <fill>
      <patternFill patternType="solid">
        <fgColor indexed="43"/>
        <bgColor indexed="8"/>
      </patternFill>
    </fill>
    <fill>
      <patternFill patternType="solid">
        <fgColor indexed="42"/>
        <bgColor indexed="64"/>
      </patternFill>
    </fill>
    <fill>
      <patternFill patternType="solid">
        <fgColor rgb="FFFFFF99"/>
        <bgColor indexed="8"/>
      </patternFill>
    </fill>
    <fill>
      <patternFill patternType="solid">
        <fgColor rgb="FFFFFF99"/>
        <bgColor indexed="64"/>
      </patternFill>
    </fill>
  </fills>
  <borders count="28">
    <border>
      <left/>
      <right/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2">
    <xf numFmtId="0" fontId="0" fillId="0" borderId="0"/>
    <xf numFmtId="0" fontId="8" fillId="0" borderId="0">
      <alignment vertical="center"/>
    </xf>
  </cellStyleXfs>
  <cellXfs count="109">
    <xf numFmtId="0" fontId="0" fillId="0" borderId="0" xfId="0"/>
    <xf numFmtId="49" fontId="2" fillId="0" borderId="0" xfId="0" applyNumberFormat="1" applyFont="1" applyAlignment="1">
      <alignment vertical="center"/>
    </xf>
    <xf numFmtId="49" fontId="2" fillId="2" borderId="1" xfId="0" applyNumberFormat="1" applyFont="1" applyFill="1" applyBorder="1" applyAlignment="1">
      <alignment vertical="center"/>
    </xf>
    <xf numFmtId="49" fontId="2" fillId="2" borderId="2" xfId="0" applyNumberFormat="1" applyFont="1" applyFill="1" applyBorder="1" applyAlignment="1">
      <alignment vertical="center"/>
    </xf>
    <xf numFmtId="49" fontId="2" fillId="2" borderId="3" xfId="0" applyNumberFormat="1" applyFont="1" applyFill="1" applyBorder="1" applyAlignment="1">
      <alignment vertical="center"/>
    </xf>
    <xf numFmtId="49" fontId="2" fillId="2" borderId="4" xfId="0" applyNumberFormat="1" applyFont="1" applyFill="1" applyBorder="1" applyAlignment="1">
      <alignment vertical="center"/>
    </xf>
    <xf numFmtId="49" fontId="2" fillId="2" borderId="5" xfId="0" applyNumberFormat="1" applyFont="1" applyFill="1" applyBorder="1" applyAlignment="1">
      <alignment vertical="center"/>
    </xf>
    <xf numFmtId="49" fontId="2" fillId="0" borderId="0" xfId="0" applyNumberFormat="1" applyFont="1" applyFill="1" applyAlignment="1">
      <alignment vertical="center"/>
    </xf>
    <xf numFmtId="49" fontId="2" fillId="0" borderId="4" xfId="0" applyNumberFormat="1" applyFont="1" applyFill="1" applyBorder="1" applyAlignment="1">
      <alignment vertical="center"/>
    </xf>
    <xf numFmtId="49" fontId="2" fillId="0" borderId="6" xfId="0" applyNumberFormat="1" applyFont="1" applyFill="1" applyBorder="1" applyAlignment="1">
      <alignment vertical="center"/>
    </xf>
    <xf numFmtId="49" fontId="2" fillId="0" borderId="0" xfId="0" applyNumberFormat="1" applyFont="1" applyFill="1" applyBorder="1" applyAlignment="1">
      <alignment vertical="center"/>
    </xf>
    <xf numFmtId="49" fontId="2" fillId="0" borderId="1" xfId="0" applyNumberFormat="1" applyFont="1" applyFill="1" applyBorder="1" applyAlignment="1">
      <alignment vertical="center"/>
    </xf>
    <xf numFmtId="49" fontId="2" fillId="0" borderId="2" xfId="0" applyNumberFormat="1" applyFont="1" applyFill="1" applyBorder="1" applyAlignment="1">
      <alignment vertical="center"/>
    </xf>
    <xf numFmtId="49" fontId="2" fillId="0" borderId="7" xfId="0" applyNumberFormat="1" applyFont="1" applyFill="1" applyBorder="1" applyAlignment="1">
      <alignment horizontal="left" vertical="center"/>
    </xf>
    <xf numFmtId="49" fontId="2" fillId="0" borderId="0" xfId="0" applyNumberFormat="1" applyFont="1" applyFill="1" applyBorder="1" applyAlignment="1">
      <alignment horizontal="left" vertical="center"/>
    </xf>
    <xf numFmtId="49" fontId="2" fillId="0" borderId="8" xfId="0" applyNumberFormat="1" applyFont="1" applyFill="1" applyBorder="1" applyAlignment="1">
      <alignment horizontal="center" vertical="center"/>
    </xf>
    <xf numFmtId="49" fontId="2" fillId="0" borderId="8" xfId="0" applyNumberFormat="1" applyFont="1" applyFill="1" applyBorder="1" applyAlignment="1">
      <alignment vertical="center"/>
    </xf>
    <xf numFmtId="49" fontId="2" fillId="0" borderId="7" xfId="0" applyNumberFormat="1" applyFont="1" applyFill="1" applyBorder="1" applyAlignment="1">
      <alignment vertical="center"/>
    </xf>
    <xf numFmtId="49" fontId="2" fillId="0" borderId="9" xfId="0" applyNumberFormat="1" applyFont="1" applyFill="1" applyBorder="1" applyAlignment="1">
      <alignment vertical="center"/>
    </xf>
    <xf numFmtId="49" fontId="2" fillId="0" borderId="0" xfId="0" applyNumberFormat="1" applyFont="1"/>
    <xf numFmtId="49" fontId="5" fillId="0" borderId="0" xfId="0" applyNumberFormat="1" applyFont="1" applyAlignment="1">
      <alignment vertical="center"/>
    </xf>
    <xf numFmtId="49" fontId="3" fillId="0" borderId="0" xfId="0" applyNumberFormat="1" applyFont="1" applyAlignment="1">
      <alignment vertical="center"/>
    </xf>
    <xf numFmtId="49" fontId="3" fillId="0" borderId="10" xfId="0" applyNumberFormat="1" applyFont="1" applyFill="1" applyBorder="1" applyAlignment="1">
      <alignment vertical="center"/>
    </xf>
    <xf numFmtId="49" fontId="3" fillId="0" borderId="7" xfId="0" applyNumberFormat="1" applyFont="1" applyFill="1" applyBorder="1" applyAlignment="1">
      <alignment vertical="center"/>
    </xf>
    <xf numFmtId="49" fontId="3" fillId="0" borderId="0" xfId="0" applyNumberFormat="1" applyFont="1" applyFill="1" applyBorder="1" applyAlignment="1">
      <alignment vertical="center"/>
    </xf>
    <xf numFmtId="49" fontId="2" fillId="0" borderId="11" xfId="0" applyNumberFormat="1" applyFont="1" applyFill="1" applyBorder="1" applyAlignment="1">
      <alignment horizontal="center" vertical="center"/>
    </xf>
    <xf numFmtId="49" fontId="2" fillId="0" borderId="12" xfId="0" applyNumberFormat="1" applyFont="1" applyFill="1" applyBorder="1" applyAlignment="1">
      <alignment horizontal="center" vertical="center"/>
    </xf>
    <xf numFmtId="49" fontId="2" fillId="0" borderId="0" xfId="0" applyNumberFormat="1" applyFont="1" applyFill="1"/>
    <xf numFmtId="49" fontId="2" fillId="2" borderId="9" xfId="0" applyNumberFormat="1" applyFont="1" applyFill="1" applyBorder="1" applyAlignment="1">
      <alignment vertical="center"/>
    </xf>
    <xf numFmtId="49" fontId="2" fillId="2" borderId="0" xfId="0" applyNumberFormat="1" applyFont="1" applyFill="1" applyAlignment="1">
      <alignment vertical="center"/>
    </xf>
    <xf numFmtId="49" fontId="2" fillId="2" borderId="10" xfId="0" applyNumberFormat="1" applyFont="1" applyFill="1" applyBorder="1" applyAlignment="1">
      <alignment vertical="center"/>
    </xf>
    <xf numFmtId="49" fontId="2" fillId="0" borderId="13" xfId="0" applyNumberFormat="1" applyFont="1" applyFill="1" applyBorder="1" applyAlignment="1">
      <alignment vertical="center"/>
    </xf>
    <xf numFmtId="49" fontId="2" fillId="2" borderId="0" xfId="0" applyNumberFormat="1" applyFont="1" applyFill="1" applyBorder="1" applyAlignment="1">
      <alignment vertical="center"/>
    </xf>
    <xf numFmtId="49" fontId="6" fillId="0" borderId="0" xfId="0" applyNumberFormat="1" applyFont="1" applyAlignment="1">
      <alignment vertical="center"/>
    </xf>
    <xf numFmtId="49" fontId="6" fillId="0" borderId="0" xfId="0" applyNumberFormat="1" applyFont="1" applyFill="1" applyAlignment="1">
      <alignment vertical="center"/>
    </xf>
    <xf numFmtId="49" fontId="2" fillId="0" borderId="5" xfId="0" applyNumberFormat="1" applyFont="1" applyFill="1" applyBorder="1" applyAlignment="1">
      <alignment vertical="center"/>
    </xf>
    <xf numFmtId="49" fontId="2" fillId="0" borderId="14" xfId="0" applyNumberFormat="1" applyFont="1" applyFill="1" applyBorder="1" applyAlignment="1">
      <alignment vertical="center"/>
    </xf>
    <xf numFmtId="49" fontId="2" fillId="0" borderId="15" xfId="0" applyNumberFormat="1" applyFont="1" applyFill="1" applyBorder="1" applyAlignment="1">
      <alignment vertical="center"/>
    </xf>
    <xf numFmtId="49" fontId="4" fillId="0" borderId="0" xfId="0" applyNumberFormat="1" applyFont="1" applyAlignment="1">
      <alignment vertical="center"/>
    </xf>
    <xf numFmtId="0" fontId="7" fillId="3" borderId="16" xfId="0" applyFont="1" applyFill="1" applyBorder="1" applyAlignment="1">
      <alignment horizontal="center"/>
    </xf>
    <xf numFmtId="0" fontId="7" fillId="3" borderId="17" xfId="0" applyFont="1" applyFill="1" applyBorder="1" applyAlignment="1">
      <alignment horizontal="center"/>
    </xf>
    <xf numFmtId="0" fontId="0" fillId="0" borderId="0" xfId="0" applyAlignment="1">
      <alignment vertical="center"/>
    </xf>
    <xf numFmtId="0" fontId="7" fillId="0" borderId="18" xfId="0" applyFont="1" applyFill="1" applyBorder="1" applyAlignment="1">
      <alignment horizontal="center" wrapText="1"/>
    </xf>
    <xf numFmtId="0" fontId="7" fillId="4" borderId="19" xfId="0" applyFont="1" applyFill="1" applyBorder="1" applyAlignment="1">
      <alignment horizontal="center" wrapText="1"/>
    </xf>
    <xf numFmtId="0" fontId="7" fillId="0" borderId="20" xfId="0" applyFont="1" applyFill="1" applyBorder="1" applyAlignment="1">
      <alignment horizontal="center" wrapText="1"/>
    </xf>
    <xf numFmtId="0" fontId="7" fillId="4" borderId="21" xfId="0" applyFont="1" applyFill="1" applyBorder="1" applyAlignment="1">
      <alignment horizontal="center" wrapText="1"/>
    </xf>
    <xf numFmtId="49" fontId="7" fillId="0" borderId="20" xfId="0" applyNumberFormat="1" applyFont="1" applyFill="1" applyBorder="1" applyAlignment="1">
      <alignment horizontal="center" wrapText="1"/>
    </xf>
    <xf numFmtId="0" fontId="0" fillId="0" borderId="0" xfId="0" applyAlignment="1">
      <alignment horizontal="center" vertical="center"/>
    </xf>
    <xf numFmtId="49" fontId="0" fillId="0" borderId="0" xfId="0" applyNumberFormat="1" applyAlignment="1">
      <alignment horizontal="center" vertical="center"/>
    </xf>
    <xf numFmtId="0" fontId="0" fillId="2" borderId="16" xfId="0" applyFill="1" applyBorder="1" applyAlignment="1">
      <alignment horizontal="center" vertical="center"/>
    </xf>
    <xf numFmtId="0" fontId="0" fillId="2" borderId="17" xfId="0" applyFill="1" applyBorder="1" applyAlignment="1">
      <alignment horizontal="center" vertical="center"/>
    </xf>
    <xf numFmtId="0" fontId="8" fillId="0" borderId="0" xfId="1" applyFont="1" applyFill="1" applyBorder="1" applyAlignment="1">
      <alignment vertical="center"/>
    </xf>
    <xf numFmtId="0" fontId="9" fillId="0" borderId="0" xfId="1" applyFont="1" applyFill="1" applyBorder="1" applyAlignment="1">
      <alignment vertical="center" wrapText="1"/>
    </xf>
    <xf numFmtId="49" fontId="9" fillId="0" borderId="0" xfId="1" applyNumberFormat="1" applyFont="1" applyFill="1" applyBorder="1" applyAlignment="1">
      <alignment vertical="center"/>
    </xf>
    <xf numFmtId="0" fontId="10" fillId="0" borderId="0" xfId="1" applyFont="1" applyFill="1" applyBorder="1" applyAlignment="1">
      <alignment vertical="center"/>
    </xf>
    <xf numFmtId="0" fontId="8" fillId="0" borderId="0" xfId="1" applyFont="1" applyAlignment="1">
      <alignment vertical="center"/>
    </xf>
    <xf numFmtId="0" fontId="2" fillId="0" borderId="0" xfId="1" applyFont="1" applyFill="1" applyBorder="1" applyAlignment="1">
      <alignment vertical="center" wrapText="1"/>
    </xf>
    <xf numFmtId="0" fontId="12" fillId="0" borderId="0" xfId="0" applyFont="1" applyAlignment="1">
      <alignment vertical="center"/>
    </xf>
    <xf numFmtId="0" fontId="8" fillId="0" borderId="0" xfId="0" applyFont="1" applyAlignment="1">
      <alignment vertical="center"/>
    </xf>
    <xf numFmtId="0" fontId="8" fillId="0" borderId="0" xfId="1" applyFont="1" applyBorder="1" applyAlignment="1">
      <alignment vertical="center"/>
    </xf>
    <xf numFmtId="0" fontId="8" fillId="0" borderId="0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22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top"/>
    </xf>
    <xf numFmtId="0" fontId="10" fillId="0" borderId="0" xfId="0" applyFont="1" applyAlignment="1">
      <alignment horizontal="center" vertical="center"/>
    </xf>
    <xf numFmtId="0" fontId="10" fillId="0" borderId="0" xfId="1" applyFont="1" applyBorder="1" applyAlignment="1">
      <alignment vertical="center"/>
    </xf>
    <xf numFmtId="0" fontId="8" fillId="0" borderId="0" xfId="0" applyFont="1" applyBorder="1" applyAlignment="1">
      <alignment vertical="center"/>
    </xf>
    <xf numFmtId="49" fontId="13" fillId="0" borderId="0" xfId="0" applyNumberFormat="1" applyFont="1" applyBorder="1" applyAlignment="1">
      <alignment horizontal="center" vertical="center"/>
    </xf>
    <xf numFmtId="0" fontId="7" fillId="6" borderId="19" xfId="0" applyFont="1" applyFill="1" applyBorder="1" applyAlignment="1">
      <alignment horizontal="center" wrapText="1"/>
    </xf>
    <xf numFmtId="49" fontId="2" fillId="0" borderId="23" xfId="0" applyNumberFormat="1" applyFont="1" applyFill="1" applyBorder="1" applyAlignment="1">
      <alignment horizontal="center" vertical="center"/>
    </xf>
    <xf numFmtId="49" fontId="2" fillId="0" borderId="24" xfId="0" applyNumberFormat="1" applyFont="1" applyFill="1" applyBorder="1" applyAlignment="1">
      <alignment horizontal="center" vertical="center"/>
    </xf>
    <xf numFmtId="49" fontId="2" fillId="0" borderId="11" xfId="0" applyNumberFormat="1" applyFont="1" applyFill="1" applyBorder="1" applyAlignment="1">
      <alignment horizontal="center" vertical="center"/>
    </xf>
    <xf numFmtId="49" fontId="2" fillId="0" borderId="12" xfId="0" applyNumberFormat="1" applyFont="1" applyFill="1" applyBorder="1" applyAlignment="1">
      <alignment horizontal="center" vertical="center"/>
    </xf>
    <xf numFmtId="49" fontId="2" fillId="0" borderId="27" xfId="0" applyNumberFormat="1" applyFont="1" applyFill="1" applyBorder="1" applyAlignment="1">
      <alignment horizontal="center" vertical="center"/>
    </xf>
    <xf numFmtId="49" fontId="2" fillId="0" borderId="26" xfId="0" applyNumberFormat="1" applyFont="1" applyFill="1" applyBorder="1" applyAlignment="1">
      <alignment horizontal="center" vertical="center"/>
    </xf>
    <xf numFmtId="49" fontId="2" fillId="0" borderId="25" xfId="0" applyNumberFormat="1" applyFont="1" applyFill="1" applyBorder="1" applyAlignment="1">
      <alignment horizontal="center" vertical="center"/>
    </xf>
    <xf numFmtId="49" fontId="2" fillId="0" borderId="8" xfId="0" applyNumberFormat="1" applyFont="1" applyFill="1" applyBorder="1" applyAlignment="1">
      <alignment horizontal="center" vertical="center"/>
    </xf>
    <xf numFmtId="49" fontId="2" fillId="2" borderId="5" xfId="0" applyNumberFormat="1" applyFont="1" applyFill="1" applyBorder="1" applyAlignment="1">
      <alignment horizontal="left" vertical="center"/>
    </xf>
    <xf numFmtId="49" fontId="2" fillId="2" borderId="15" xfId="0" applyNumberFormat="1" applyFont="1" applyFill="1" applyBorder="1" applyAlignment="1">
      <alignment horizontal="left" vertical="center"/>
    </xf>
    <xf numFmtId="49" fontId="2" fillId="2" borderId="14" xfId="0" applyNumberFormat="1" applyFont="1" applyFill="1" applyBorder="1" applyAlignment="1">
      <alignment horizontal="left" vertical="center"/>
    </xf>
    <xf numFmtId="49" fontId="2" fillId="0" borderId="23" xfId="0" applyNumberFormat="1" applyFont="1" applyFill="1" applyBorder="1" applyAlignment="1">
      <alignment horizontal="left" vertical="center"/>
    </xf>
    <xf numFmtId="49" fontId="2" fillId="0" borderId="25" xfId="0" applyNumberFormat="1" applyFont="1" applyFill="1" applyBorder="1" applyAlignment="1">
      <alignment horizontal="left" vertical="center"/>
    </xf>
    <xf numFmtId="49" fontId="2" fillId="0" borderId="24" xfId="0" applyNumberFormat="1" applyFont="1" applyFill="1" applyBorder="1" applyAlignment="1">
      <alignment horizontal="left" vertical="center"/>
    </xf>
    <xf numFmtId="49" fontId="2" fillId="0" borderId="7" xfId="0" applyNumberFormat="1" applyFont="1" applyFill="1" applyBorder="1" applyAlignment="1">
      <alignment horizontal="center" vertical="center"/>
    </xf>
    <xf numFmtId="49" fontId="2" fillId="0" borderId="0" xfId="0" applyNumberFormat="1" applyFont="1" applyFill="1" applyBorder="1" applyAlignment="1">
      <alignment horizontal="center" vertical="center"/>
    </xf>
    <xf numFmtId="49" fontId="2" fillId="0" borderId="13" xfId="0" applyNumberFormat="1" applyFont="1" applyFill="1" applyBorder="1" applyAlignment="1">
      <alignment horizontal="center" vertical="center"/>
    </xf>
    <xf numFmtId="49" fontId="6" fillId="0" borderId="11" xfId="0" applyNumberFormat="1" applyFont="1" applyFill="1" applyBorder="1" applyAlignment="1">
      <alignment horizontal="center" vertical="center"/>
    </xf>
    <xf numFmtId="49" fontId="6" fillId="0" borderId="8" xfId="0" applyNumberFormat="1" applyFont="1" applyFill="1" applyBorder="1" applyAlignment="1">
      <alignment horizontal="center" vertical="center"/>
    </xf>
    <xf numFmtId="49" fontId="6" fillId="0" borderId="12" xfId="0" applyNumberFormat="1" applyFont="1" applyFill="1" applyBorder="1" applyAlignment="1">
      <alignment horizontal="center" vertical="center"/>
    </xf>
    <xf numFmtId="49" fontId="2" fillId="0" borderId="22" xfId="0" applyNumberFormat="1" applyFont="1" applyFill="1" applyBorder="1" applyAlignment="1">
      <alignment horizontal="left" vertical="center"/>
    </xf>
    <xf numFmtId="49" fontId="2" fillId="0" borderId="26" xfId="0" applyNumberFormat="1" applyFont="1" applyFill="1" applyBorder="1" applyAlignment="1">
      <alignment horizontal="left" vertical="center"/>
    </xf>
    <xf numFmtId="49" fontId="2" fillId="2" borderId="0" xfId="0" applyNumberFormat="1" applyFont="1" applyFill="1" applyAlignment="1">
      <alignment horizontal="center" vertical="center"/>
    </xf>
    <xf numFmtId="49" fontId="4" fillId="0" borderId="0" xfId="0" applyNumberFormat="1" applyFont="1" applyAlignment="1">
      <alignment horizontal="center" vertical="center"/>
    </xf>
    <xf numFmtId="49" fontId="2" fillId="2" borderId="0" xfId="0" applyNumberFormat="1" applyFont="1" applyFill="1" applyAlignment="1">
      <alignment horizontal="left" vertical="center"/>
    </xf>
    <xf numFmtId="49" fontId="2" fillId="2" borderId="8" xfId="0" applyNumberFormat="1" applyFont="1" applyFill="1" applyBorder="1" applyAlignment="1">
      <alignment horizontal="left" vertical="center"/>
    </xf>
    <xf numFmtId="49" fontId="2" fillId="2" borderId="0" xfId="0" applyNumberFormat="1" applyFont="1" applyFill="1" applyBorder="1" applyAlignment="1">
      <alignment horizontal="left" vertical="center"/>
    </xf>
    <xf numFmtId="49" fontId="2" fillId="0" borderId="5" xfId="0" applyNumberFormat="1" applyFont="1" applyFill="1" applyBorder="1" applyAlignment="1">
      <alignment horizontal="center" vertical="center"/>
    </xf>
    <xf numFmtId="49" fontId="2" fillId="0" borderId="14" xfId="0" applyNumberFormat="1" applyFont="1" applyFill="1" applyBorder="1" applyAlignment="1">
      <alignment horizontal="center" vertical="center"/>
    </xf>
    <xf numFmtId="49" fontId="2" fillId="0" borderId="15" xfId="0" applyNumberFormat="1" applyFont="1" applyFill="1" applyBorder="1" applyAlignment="1">
      <alignment horizontal="center" vertical="center"/>
    </xf>
    <xf numFmtId="0" fontId="13" fillId="7" borderId="4" xfId="0" applyFont="1" applyFill="1" applyBorder="1" applyAlignment="1">
      <alignment horizontal="center" vertical="center"/>
    </xf>
    <xf numFmtId="49" fontId="13" fillId="0" borderId="4" xfId="0" applyNumberFormat="1" applyFont="1" applyBorder="1" applyAlignment="1">
      <alignment horizontal="center" vertical="center"/>
    </xf>
    <xf numFmtId="0" fontId="8" fillId="5" borderId="4" xfId="0" applyFont="1" applyFill="1" applyBorder="1" applyAlignment="1">
      <alignment horizontal="center" vertical="center"/>
    </xf>
    <xf numFmtId="0" fontId="10" fillId="7" borderId="4" xfId="0" applyFont="1" applyFill="1" applyBorder="1" applyAlignment="1">
      <alignment horizontal="center" vertical="center"/>
    </xf>
    <xf numFmtId="49" fontId="10" fillId="0" borderId="4" xfId="0" applyNumberFormat="1" applyFont="1" applyBorder="1" applyAlignment="1">
      <alignment horizontal="center" vertical="center"/>
    </xf>
    <xf numFmtId="0" fontId="2" fillId="5" borderId="4" xfId="0" applyFont="1" applyFill="1" applyBorder="1" applyAlignment="1">
      <alignment horizontal="center" vertical="center" shrinkToFit="1"/>
    </xf>
    <xf numFmtId="0" fontId="11" fillId="0" borderId="0" xfId="1" applyFont="1" applyAlignment="1">
      <alignment horizontal="center" vertical="center"/>
    </xf>
    <xf numFmtId="0" fontId="11" fillId="0" borderId="0" xfId="1" applyFont="1" applyBorder="1" applyAlignment="1">
      <alignment horizontal="center" vertical="center"/>
    </xf>
    <xf numFmtId="0" fontId="11" fillId="0" borderId="8" xfId="1" applyFont="1" applyBorder="1" applyAlignment="1">
      <alignment horizontal="center" vertical="center"/>
    </xf>
  </cellXfs>
  <cellStyles count="2">
    <cellStyle name="標準" xfId="0" builtinId="0"/>
    <cellStyle name="標準_処分実績報告書（焼却施設）(案)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J78"/>
  <sheetViews>
    <sheetView tabSelected="1" workbookViewId="0">
      <selection activeCell="D8" sqref="D8"/>
    </sheetView>
  </sheetViews>
  <sheetFormatPr defaultRowHeight="12" x14ac:dyDescent="0.15"/>
  <cols>
    <col min="1" max="1" width="3" style="19" customWidth="1"/>
    <col min="2" max="2" width="14.7109375" style="19" customWidth="1"/>
    <col min="3" max="3" width="8.42578125" style="19" customWidth="1"/>
    <col min="4" max="4" width="24.85546875" style="19" customWidth="1"/>
    <col min="5" max="13" width="2.7109375" style="19" customWidth="1"/>
    <col min="14" max="14" width="17.42578125" style="19" customWidth="1"/>
    <col min="15" max="34" width="2.7109375" style="19" customWidth="1"/>
    <col min="35" max="35" width="2.85546875" style="19" customWidth="1"/>
    <col min="36" max="38" width="2" style="19" customWidth="1"/>
    <col min="39" max="16384" width="9.140625" style="19"/>
  </cols>
  <sheetData>
    <row r="1" spans="1:35" s="1" customFormat="1" ht="24" x14ac:dyDescent="0.15">
      <c r="A1" s="93" t="s">
        <v>155</v>
      </c>
      <c r="B1" s="93"/>
      <c r="C1" s="93"/>
      <c r="D1" s="93"/>
      <c r="E1" s="93"/>
      <c r="F1" s="93"/>
      <c r="G1" s="93"/>
      <c r="H1" s="93"/>
      <c r="I1" s="93"/>
      <c r="J1" s="93"/>
      <c r="K1" s="93"/>
      <c r="L1" s="93"/>
      <c r="M1" s="93"/>
      <c r="N1" s="93"/>
      <c r="O1" s="93"/>
      <c r="P1" s="93"/>
      <c r="Q1" s="93"/>
      <c r="R1" s="93"/>
      <c r="S1" s="93"/>
      <c r="T1" s="93"/>
      <c r="U1" s="93"/>
      <c r="V1" s="93"/>
      <c r="W1" s="93"/>
      <c r="X1" s="93"/>
      <c r="Y1" s="93"/>
      <c r="Z1" s="93"/>
      <c r="AA1" s="93"/>
      <c r="AB1" s="93"/>
      <c r="AC1" s="93"/>
      <c r="AD1" s="93"/>
      <c r="AE1" s="93"/>
      <c r="AF1" s="93"/>
      <c r="AG1" s="93"/>
      <c r="AH1" s="93"/>
      <c r="AI1" s="38"/>
    </row>
    <row r="2" spans="1:35" s="1" customFormat="1" x14ac:dyDescent="0.15">
      <c r="Y2" s="92"/>
      <c r="Z2" s="92"/>
      <c r="AA2" s="1" t="s">
        <v>27</v>
      </c>
      <c r="AB2" s="92"/>
      <c r="AC2" s="92"/>
      <c r="AD2" s="1" t="s">
        <v>26</v>
      </c>
      <c r="AE2" s="92"/>
      <c r="AF2" s="92"/>
      <c r="AG2" s="1" t="s">
        <v>25</v>
      </c>
    </row>
    <row r="3" spans="1:35" s="1" customFormat="1" ht="7.5" customHeight="1" x14ac:dyDescent="0.15"/>
    <row r="4" spans="1:35" s="1" customFormat="1" ht="14.25" x14ac:dyDescent="0.15">
      <c r="A4" s="20"/>
      <c r="B4" s="20" t="s">
        <v>283</v>
      </c>
    </row>
    <row r="5" spans="1:35" s="1" customFormat="1" ht="8.25" customHeight="1" x14ac:dyDescent="0.15">
      <c r="A5" s="20"/>
    </row>
    <row r="6" spans="1:35" s="1" customFormat="1" ht="15" customHeight="1" x14ac:dyDescent="0.15">
      <c r="Q6" s="1" t="s">
        <v>23</v>
      </c>
      <c r="W6" s="94"/>
      <c r="X6" s="94"/>
      <c r="Y6" s="94"/>
      <c r="Z6" s="94"/>
      <c r="AA6" s="94"/>
      <c r="AB6" s="94"/>
      <c r="AC6" s="94"/>
      <c r="AD6" s="94"/>
      <c r="AE6" s="94"/>
      <c r="AF6" s="94"/>
      <c r="AG6" s="94"/>
      <c r="AH6" s="94"/>
    </row>
    <row r="7" spans="1:35" s="1" customFormat="1" ht="6.95" customHeight="1" x14ac:dyDescent="0.15">
      <c r="W7" s="7"/>
      <c r="X7" s="7"/>
      <c r="Y7" s="7"/>
      <c r="Z7" s="7"/>
      <c r="AA7" s="7"/>
      <c r="AB7" s="7"/>
      <c r="AC7" s="7"/>
      <c r="AD7" s="7"/>
      <c r="AE7" s="7"/>
      <c r="AF7" s="7"/>
      <c r="AG7" s="7"/>
      <c r="AH7" s="7"/>
    </row>
    <row r="8" spans="1:35" s="1" customFormat="1" ht="15" customHeight="1" x14ac:dyDescent="0.15">
      <c r="Q8" s="1" t="s">
        <v>24</v>
      </c>
      <c r="W8" s="94"/>
      <c r="X8" s="94"/>
      <c r="Y8" s="94"/>
      <c r="Z8" s="94"/>
      <c r="AA8" s="94"/>
      <c r="AB8" s="94"/>
      <c r="AC8" s="94"/>
      <c r="AD8" s="94"/>
      <c r="AE8" s="94"/>
      <c r="AF8" s="94"/>
      <c r="AG8" s="94"/>
      <c r="AH8" s="94"/>
    </row>
    <row r="9" spans="1:35" s="1" customFormat="1" ht="15" customHeight="1" x14ac:dyDescent="0.15">
      <c r="W9" s="94"/>
      <c r="X9" s="94"/>
      <c r="Y9" s="94"/>
      <c r="Z9" s="94"/>
      <c r="AA9" s="94"/>
      <c r="AB9" s="94"/>
      <c r="AC9" s="94"/>
      <c r="AD9" s="94"/>
      <c r="AE9" s="94"/>
      <c r="AF9" s="94"/>
      <c r="AG9" s="94"/>
      <c r="AH9" s="94"/>
    </row>
    <row r="10" spans="1:35" s="1" customFormat="1" ht="15" customHeight="1" x14ac:dyDescent="0.15">
      <c r="Q10" s="21" t="s">
        <v>5</v>
      </c>
      <c r="R10" s="21"/>
      <c r="S10" s="21"/>
      <c r="T10" s="21"/>
      <c r="U10" s="21"/>
      <c r="V10" s="21"/>
      <c r="W10" s="7"/>
      <c r="X10" s="7"/>
      <c r="Y10" s="7"/>
      <c r="Z10" s="7"/>
      <c r="AA10" s="7"/>
      <c r="AB10" s="7"/>
      <c r="AC10" s="7"/>
      <c r="AD10" s="7"/>
      <c r="AE10" s="7"/>
      <c r="AF10" s="7"/>
      <c r="AG10" s="7"/>
      <c r="AH10" s="7"/>
    </row>
    <row r="11" spans="1:35" s="1" customFormat="1" ht="15" customHeight="1" x14ac:dyDescent="0.15">
      <c r="Q11" s="1" t="s">
        <v>4</v>
      </c>
      <c r="R11" s="21"/>
      <c r="S11" s="21"/>
      <c r="T11" s="21"/>
      <c r="U11" s="21"/>
      <c r="V11" s="21"/>
      <c r="W11" s="95"/>
      <c r="X11" s="95"/>
      <c r="Y11" s="95"/>
      <c r="Z11" s="95"/>
      <c r="AA11" s="16" t="s">
        <v>6</v>
      </c>
      <c r="AB11" s="16"/>
      <c r="AC11" s="16"/>
      <c r="AD11" s="96"/>
      <c r="AE11" s="96"/>
      <c r="AF11" s="96"/>
      <c r="AG11" s="96"/>
      <c r="AH11" s="96"/>
    </row>
    <row r="12" spans="1:35" s="1" customFormat="1" ht="15" customHeight="1" x14ac:dyDescent="0.15">
      <c r="Q12" s="1" t="s">
        <v>7</v>
      </c>
      <c r="R12" s="21"/>
      <c r="S12" s="21"/>
      <c r="T12" s="21"/>
      <c r="U12" s="21"/>
      <c r="V12" s="21"/>
      <c r="W12" s="11"/>
      <c r="X12" s="18"/>
      <c r="Y12" s="12"/>
      <c r="Z12" s="12"/>
      <c r="AA12" s="12"/>
      <c r="AB12" s="12"/>
      <c r="AC12" s="12"/>
      <c r="AD12" s="12"/>
      <c r="AE12" s="12"/>
      <c r="AF12" s="22"/>
      <c r="AG12" s="23"/>
      <c r="AH12" s="24"/>
    </row>
    <row r="13" spans="1:35" s="1" customFormat="1" ht="15" customHeight="1" x14ac:dyDescent="0.15">
      <c r="Q13" s="1" t="s">
        <v>0</v>
      </c>
      <c r="R13" s="21"/>
      <c r="S13" s="21"/>
      <c r="T13" s="21"/>
      <c r="U13" s="21"/>
      <c r="V13" s="21"/>
      <c r="W13" s="32"/>
      <c r="X13" s="32"/>
      <c r="Y13" s="32"/>
      <c r="Z13" s="32"/>
      <c r="AA13" s="32"/>
      <c r="AB13" s="32"/>
      <c r="AC13" s="32"/>
      <c r="AD13" s="32"/>
      <c r="AE13" s="32"/>
      <c r="AF13" s="32"/>
      <c r="AG13" s="32"/>
      <c r="AH13" s="32"/>
    </row>
    <row r="14" spans="1:35" s="1" customFormat="1" x14ac:dyDescent="0.15">
      <c r="Q14" s="1" t="s">
        <v>14</v>
      </c>
      <c r="W14" s="29"/>
      <c r="X14" s="29"/>
      <c r="Y14" s="29"/>
      <c r="Z14" s="29"/>
      <c r="AA14" s="29"/>
      <c r="AB14" s="29"/>
      <c r="AC14" s="29"/>
      <c r="AD14" s="29"/>
      <c r="AE14" s="29"/>
      <c r="AF14" s="29"/>
      <c r="AG14" s="29"/>
      <c r="AH14" s="29"/>
    </row>
    <row r="15" spans="1:35" s="1" customFormat="1" x14ac:dyDescent="0.15">
      <c r="Z15" s="7"/>
      <c r="AA15" s="7"/>
      <c r="AB15" s="7"/>
      <c r="AC15" s="7"/>
      <c r="AD15" s="7"/>
      <c r="AE15" s="7"/>
      <c r="AF15" s="7"/>
      <c r="AG15" s="7"/>
      <c r="AH15" s="7"/>
    </row>
    <row r="16" spans="1:35" s="1" customFormat="1" x14ac:dyDescent="0.15">
      <c r="B16" s="1" t="s">
        <v>154</v>
      </c>
    </row>
    <row r="17" spans="1:36" s="1" customFormat="1" ht="12" customHeight="1" x14ac:dyDescent="0.15"/>
    <row r="18" spans="1:36" s="1" customFormat="1" x14ac:dyDescent="0.15">
      <c r="A18" s="1" t="s">
        <v>8</v>
      </c>
      <c r="R18" s="33" t="s">
        <v>13</v>
      </c>
      <c r="S18" s="33"/>
      <c r="T18" s="33"/>
      <c r="U18" s="33"/>
      <c r="V18" s="33" t="s">
        <v>28</v>
      </c>
      <c r="W18" s="33"/>
      <c r="X18" s="33"/>
      <c r="Y18" s="33"/>
      <c r="Z18" s="33"/>
    </row>
    <row r="19" spans="1:36" s="1" customFormat="1" ht="4.5" customHeight="1" x14ac:dyDescent="0.15"/>
    <row r="20" spans="1:36" s="7" customFormat="1" ht="15" customHeight="1" x14ac:dyDescent="0.15">
      <c r="B20" s="8" t="s">
        <v>10</v>
      </c>
      <c r="C20" s="78"/>
      <c r="D20" s="80"/>
      <c r="E20" s="79"/>
      <c r="F20" s="35" t="s">
        <v>2</v>
      </c>
      <c r="G20" s="36"/>
      <c r="H20" s="37"/>
      <c r="I20" s="78"/>
      <c r="J20" s="80"/>
      <c r="K20" s="80"/>
      <c r="L20" s="80"/>
      <c r="M20" s="80"/>
      <c r="N20" s="80"/>
      <c r="O20" s="80"/>
      <c r="P20" s="79"/>
      <c r="Q20" s="17"/>
      <c r="R20" s="5"/>
      <c r="S20" s="5"/>
      <c r="T20" s="5"/>
      <c r="V20" s="9"/>
      <c r="W20" s="9"/>
      <c r="X20" s="9"/>
      <c r="Y20" s="9"/>
      <c r="Z20" s="9"/>
      <c r="AA20" s="10"/>
      <c r="AB20" s="34" t="s">
        <v>3</v>
      </c>
    </row>
    <row r="21" spans="1:36" s="7" customFormat="1" ht="4.5" customHeight="1" x14ac:dyDescent="0.15"/>
    <row r="22" spans="1:36" s="7" customFormat="1" x14ac:dyDescent="0.15">
      <c r="A22" s="7" t="s">
        <v>9</v>
      </c>
    </row>
    <row r="23" spans="1:36" s="7" customFormat="1" ht="4.5" customHeight="1" x14ac:dyDescent="0.15"/>
    <row r="24" spans="1:36" s="7" customFormat="1" ht="15" customHeight="1" x14ac:dyDescent="0.15">
      <c r="B24" s="97" t="s">
        <v>18</v>
      </c>
      <c r="C24" s="98"/>
      <c r="D24" s="98"/>
      <c r="E24" s="98"/>
      <c r="F24" s="98"/>
      <c r="G24" s="98"/>
      <c r="H24" s="98"/>
      <c r="I24" s="98"/>
      <c r="J24" s="98"/>
      <c r="K24" s="98"/>
      <c r="L24" s="98"/>
      <c r="M24" s="99"/>
      <c r="N24" s="81" t="s">
        <v>16</v>
      </c>
      <c r="O24" s="82"/>
      <c r="P24" s="82"/>
      <c r="Q24" s="82"/>
      <c r="R24" s="83"/>
      <c r="S24" s="70" t="s">
        <v>19</v>
      </c>
      <c r="T24" s="76"/>
      <c r="U24" s="76"/>
      <c r="V24" s="76"/>
      <c r="W24" s="76"/>
      <c r="X24" s="76"/>
      <c r="Y24" s="71"/>
      <c r="Z24" s="81" t="s">
        <v>31</v>
      </c>
      <c r="AA24" s="82"/>
      <c r="AB24" s="82"/>
      <c r="AC24" s="82"/>
      <c r="AD24" s="82"/>
      <c r="AE24" s="82"/>
      <c r="AF24" s="82"/>
      <c r="AG24" s="82"/>
      <c r="AH24" s="83"/>
      <c r="AI24" s="17"/>
      <c r="AJ24" s="10"/>
    </row>
    <row r="25" spans="1:36" s="7" customFormat="1" ht="15" customHeight="1" x14ac:dyDescent="0.15">
      <c r="B25" s="70" t="s">
        <v>11</v>
      </c>
      <c r="C25" s="71"/>
      <c r="D25" s="74" t="s">
        <v>29</v>
      </c>
      <c r="E25" s="70" t="s">
        <v>15</v>
      </c>
      <c r="F25" s="76"/>
      <c r="G25" s="71"/>
      <c r="H25" s="76" t="s">
        <v>282</v>
      </c>
      <c r="I25" s="76"/>
      <c r="J25" s="76"/>
      <c r="K25" s="76"/>
      <c r="L25" s="76"/>
      <c r="M25" s="71"/>
      <c r="N25" s="90" t="s">
        <v>17</v>
      </c>
      <c r="O25" s="70" t="s">
        <v>1</v>
      </c>
      <c r="P25" s="76"/>
      <c r="Q25" s="76"/>
      <c r="R25" s="71"/>
      <c r="S25" s="17"/>
      <c r="T25" s="10"/>
      <c r="U25" s="10"/>
      <c r="V25" s="10"/>
      <c r="W25" s="10"/>
      <c r="X25" s="10" t="s">
        <v>20</v>
      </c>
      <c r="Y25" s="31"/>
      <c r="Z25" s="84"/>
      <c r="AA25" s="85"/>
      <c r="AB25" s="85"/>
      <c r="AC25" s="85"/>
      <c r="AD25" s="85"/>
      <c r="AE25" s="85"/>
      <c r="AF25" s="86"/>
      <c r="AG25" s="70" t="s">
        <v>12</v>
      </c>
      <c r="AH25" s="71"/>
      <c r="AI25" s="17"/>
      <c r="AJ25" s="10"/>
    </row>
    <row r="26" spans="1:36" s="7" customFormat="1" ht="15" customHeight="1" x14ac:dyDescent="0.15">
      <c r="B26" s="72"/>
      <c r="C26" s="73"/>
      <c r="D26" s="75"/>
      <c r="E26" s="72" t="s">
        <v>30</v>
      </c>
      <c r="F26" s="77"/>
      <c r="G26" s="73"/>
      <c r="H26" s="77"/>
      <c r="I26" s="77"/>
      <c r="J26" s="77"/>
      <c r="K26" s="77"/>
      <c r="L26" s="77"/>
      <c r="M26" s="73"/>
      <c r="N26" s="91"/>
      <c r="O26" s="72"/>
      <c r="P26" s="77"/>
      <c r="Q26" s="77"/>
      <c r="R26" s="73"/>
      <c r="S26" s="87" t="s">
        <v>22</v>
      </c>
      <c r="T26" s="88"/>
      <c r="U26" s="88"/>
      <c r="V26" s="88"/>
      <c r="W26" s="88"/>
      <c r="X26" s="88"/>
      <c r="Y26" s="89"/>
      <c r="Z26" s="25"/>
      <c r="AA26" s="15"/>
      <c r="AB26" s="15"/>
      <c r="AC26" s="15"/>
      <c r="AD26" s="15"/>
      <c r="AE26" s="15"/>
      <c r="AF26" s="26"/>
      <c r="AG26" s="72"/>
      <c r="AH26" s="73"/>
      <c r="AI26" s="17"/>
      <c r="AJ26" s="10"/>
    </row>
    <row r="27" spans="1:36" s="7" customFormat="1" ht="15" customHeight="1" x14ac:dyDescent="0.15">
      <c r="B27" s="78"/>
      <c r="C27" s="79"/>
      <c r="D27" s="5"/>
      <c r="E27" s="2"/>
      <c r="F27" s="3"/>
      <c r="G27" s="4"/>
      <c r="H27" s="28"/>
      <c r="I27" s="3"/>
      <c r="J27" s="3"/>
      <c r="K27" s="3"/>
      <c r="L27" s="30"/>
      <c r="M27" s="4"/>
      <c r="N27" s="6"/>
      <c r="O27" s="2"/>
      <c r="P27" s="3"/>
      <c r="Q27" s="3"/>
      <c r="R27" s="4"/>
      <c r="S27" s="2"/>
      <c r="T27" s="28"/>
      <c r="U27" s="28"/>
      <c r="V27" s="28"/>
      <c r="W27" s="3"/>
      <c r="X27" s="12" t="s">
        <v>21</v>
      </c>
      <c r="Y27" s="4"/>
      <c r="Z27" s="78"/>
      <c r="AA27" s="80"/>
      <c r="AB27" s="80"/>
      <c r="AC27" s="80"/>
      <c r="AD27" s="80"/>
      <c r="AE27" s="80"/>
      <c r="AF27" s="79"/>
      <c r="AG27" s="2"/>
      <c r="AH27" s="4"/>
      <c r="AI27" s="13"/>
      <c r="AJ27" s="14"/>
    </row>
    <row r="28" spans="1:36" s="7" customFormat="1" ht="15" customHeight="1" x14ac:dyDescent="0.15">
      <c r="B28" s="78"/>
      <c r="C28" s="79"/>
      <c r="D28" s="5"/>
      <c r="E28" s="2"/>
      <c r="F28" s="3"/>
      <c r="G28" s="4"/>
      <c r="H28" s="28"/>
      <c r="I28" s="3"/>
      <c r="J28" s="3"/>
      <c r="K28" s="3"/>
      <c r="L28" s="30"/>
      <c r="M28" s="4"/>
      <c r="N28" s="6"/>
      <c r="O28" s="2"/>
      <c r="P28" s="3"/>
      <c r="Q28" s="3"/>
      <c r="R28" s="4"/>
      <c r="S28" s="2"/>
      <c r="T28" s="28"/>
      <c r="U28" s="28"/>
      <c r="V28" s="28"/>
      <c r="W28" s="3"/>
      <c r="X28" s="12" t="s">
        <v>21</v>
      </c>
      <c r="Y28" s="4"/>
      <c r="Z28" s="78"/>
      <c r="AA28" s="80"/>
      <c r="AB28" s="80"/>
      <c r="AC28" s="80"/>
      <c r="AD28" s="80"/>
      <c r="AE28" s="80"/>
      <c r="AF28" s="79"/>
      <c r="AG28" s="2"/>
      <c r="AH28" s="4"/>
      <c r="AI28" s="13"/>
      <c r="AJ28" s="14"/>
    </row>
    <row r="29" spans="1:36" s="7" customFormat="1" ht="15" customHeight="1" x14ac:dyDescent="0.15">
      <c r="B29" s="78"/>
      <c r="C29" s="79"/>
      <c r="D29" s="5"/>
      <c r="E29" s="2"/>
      <c r="F29" s="3"/>
      <c r="G29" s="4"/>
      <c r="H29" s="28"/>
      <c r="I29" s="3"/>
      <c r="J29" s="3"/>
      <c r="K29" s="3"/>
      <c r="L29" s="30"/>
      <c r="M29" s="4"/>
      <c r="N29" s="6"/>
      <c r="O29" s="2"/>
      <c r="P29" s="3"/>
      <c r="Q29" s="3"/>
      <c r="R29" s="4"/>
      <c r="S29" s="2"/>
      <c r="T29" s="28"/>
      <c r="U29" s="28"/>
      <c r="V29" s="28"/>
      <c r="W29" s="3"/>
      <c r="X29" s="12" t="s">
        <v>21</v>
      </c>
      <c r="Y29" s="4"/>
      <c r="Z29" s="78"/>
      <c r="AA29" s="80"/>
      <c r="AB29" s="80"/>
      <c r="AC29" s="80"/>
      <c r="AD29" s="80"/>
      <c r="AE29" s="80"/>
      <c r="AF29" s="79"/>
      <c r="AG29" s="2"/>
      <c r="AH29" s="4"/>
      <c r="AI29" s="13"/>
      <c r="AJ29" s="14"/>
    </row>
    <row r="30" spans="1:36" s="7" customFormat="1" ht="15" customHeight="1" x14ac:dyDescent="0.15">
      <c r="B30" s="78"/>
      <c r="C30" s="79"/>
      <c r="D30" s="5"/>
      <c r="E30" s="2"/>
      <c r="F30" s="3"/>
      <c r="G30" s="4"/>
      <c r="H30" s="28"/>
      <c r="I30" s="3"/>
      <c r="J30" s="3"/>
      <c r="K30" s="3"/>
      <c r="L30" s="30"/>
      <c r="M30" s="4"/>
      <c r="N30" s="6"/>
      <c r="O30" s="2"/>
      <c r="P30" s="3"/>
      <c r="Q30" s="3"/>
      <c r="R30" s="4"/>
      <c r="S30" s="2"/>
      <c r="T30" s="28"/>
      <c r="U30" s="28"/>
      <c r="V30" s="28"/>
      <c r="W30" s="3"/>
      <c r="X30" s="12" t="s">
        <v>21</v>
      </c>
      <c r="Y30" s="4"/>
      <c r="Z30" s="78"/>
      <c r="AA30" s="80"/>
      <c r="AB30" s="80"/>
      <c r="AC30" s="80"/>
      <c r="AD30" s="80"/>
      <c r="AE30" s="80"/>
      <c r="AF30" s="79"/>
      <c r="AG30" s="2"/>
      <c r="AH30" s="4"/>
      <c r="AI30" s="13"/>
      <c r="AJ30" s="14"/>
    </row>
    <row r="31" spans="1:36" s="7" customFormat="1" ht="15" customHeight="1" x14ac:dyDescent="0.15">
      <c r="B31" s="78"/>
      <c r="C31" s="79"/>
      <c r="D31" s="5"/>
      <c r="E31" s="2"/>
      <c r="F31" s="3"/>
      <c r="G31" s="4"/>
      <c r="H31" s="28"/>
      <c r="I31" s="3"/>
      <c r="J31" s="3"/>
      <c r="K31" s="3"/>
      <c r="L31" s="30"/>
      <c r="M31" s="4"/>
      <c r="N31" s="6"/>
      <c r="O31" s="2"/>
      <c r="P31" s="3"/>
      <c r="Q31" s="3"/>
      <c r="R31" s="4"/>
      <c r="S31" s="2"/>
      <c r="T31" s="28"/>
      <c r="U31" s="28"/>
      <c r="V31" s="28"/>
      <c r="W31" s="3"/>
      <c r="X31" s="12" t="s">
        <v>21</v>
      </c>
      <c r="Y31" s="4"/>
      <c r="Z31" s="78"/>
      <c r="AA31" s="80"/>
      <c r="AB31" s="80"/>
      <c r="AC31" s="80"/>
      <c r="AD31" s="80"/>
      <c r="AE31" s="80"/>
      <c r="AF31" s="79"/>
      <c r="AG31" s="2"/>
      <c r="AH31" s="4"/>
      <c r="AI31" s="13"/>
      <c r="AJ31" s="14"/>
    </row>
    <row r="32" spans="1:36" s="7" customFormat="1" ht="15" customHeight="1" x14ac:dyDescent="0.15">
      <c r="B32" s="78"/>
      <c r="C32" s="79"/>
      <c r="D32" s="5"/>
      <c r="E32" s="2"/>
      <c r="F32" s="3"/>
      <c r="G32" s="4"/>
      <c r="H32" s="28"/>
      <c r="I32" s="3"/>
      <c r="J32" s="3"/>
      <c r="K32" s="3"/>
      <c r="L32" s="30"/>
      <c r="M32" s="4"/>
      <c r="N32" s="6"/>
      <c r="O32" s="2"/>
      <c r="P32" s="3"/>
      <c r="Q32" s="3"/>
      <c r="R32" s="4"/>
      <c r="S32" s="2"/>
      <c r="T32" s="28"/>
      <c r="U32" s="28"/>
      <c r="V32" s="28"/>
      <c r="W32" s="3"/>
      <c r="X32" s="12" t="s">
        <v>21</v>
      </c>
      <c r="Y32" s="4"/>
      <c r="Z32" s="78"/>
      <c r="AA32" s="80"/>
      <c r="AB32" s="80"/>
      <c r="AC32" s="80"/>
      <c r="AD32" s="80"/>
      <c r="AE32" s="80"/>
      <c r="AF32" s="79"/>
      <c r="AG32" s="2"/>
      <c r="AH32" s="4"/>
      <c r="AI32" s="13"/>
      <c r="AJ32" s="14"/>
    </row>
    <row r="33" spans="2:36" s="7" customFormat="1" ht="15" customHeight="1" x14ac:dyDescent="0.15">
      <c r="B33" s="78"/>
      <c r="C33" s="79"/>
      <c r="D33" s="5"/>
      <c r="E33" s="2"/>
      <c r="F33" s="3"/>
      <c r="G33" s="4"/>
      <c r="H33" s="28"/>
      <c r="I33" s="3"/>
      <c r="J33" s="3"/>
      <c r="K33" s="3"/>
      <c r="L33" s="30"/>
      <c r="M33" s="4"/>
      <c r="N33" s="6"/>
      <c r="O33" s="2"/>
      <c r="P33" s="3"/>
      <c r="Q33" s="3"/>
      <c r="R33" s="4"/>
      <c r="S33" s="2"/>
      <c r="T33" s="28"/>
      <c r="U33" s="28"/>
      <c r="V33" s="28"/>
      <c r="W33" s="3"/>
      <c r="X33" s="12" t="s">
        <v>21</v>
      </c>
      <c r="Y33" s="4"/>
      <c r="Z33" s="78"/>
      <c r="AA33" s="80"/>
      <c r="AB33" s="80"/>
      <c r="AC33" s="80"/>
      <c r="AD33" s="80"/>
      <c r="AE33" s="80"/>
      <c r="AF33" s="79"/>
      <c r="AG33" s="2"/>
      <c r="AH33" s="4"/>
      <c r="AI33" s="13"/>
      <c r="AJ33" s="14"/>
    </row>
    <row r="34" spans="2:36" s="7" customFormat="1" ht="15" customHeight="1" x14ac:dyDescent="0.15">
      <c r="B34" s="78"/>
      <c r="C34" s="79"/>
      <c r="D34" s="5"/>
      <c r="E34" s="2"/>
      <c r="F34" s="3"/>
      <c r="G34" s="4"/>
      <c r="H34" s="28"/>
      <c r="I34" s="3"/>
      <c r="J34" s="3"/>
      <c r="K34" s="3"/>
      <c r="L34" s="30"/>
      <c r="M34" s="4"/>
      <c r="N34" s="6"/>
      <c r="O34" s="2"/>
      <c r="P34" s="3"/>
      <c r="Q34" s="3"/>
      <c r="R34" s="4"/>
      <c r="S34" s="2"/>
      <c r="T34" s="28"/>
      <c r="U34" s="28"/>
      <c r="V34" s="28"/>
      <c r="W34" s="3"/>
      <c r="X34" s="12" t="s">
        <v>21</v>
      </c>
      <c r="Y34" s="4"/>
      <c r="Z34" s="78"/>
      <c r="AA34" s="80"/>
      <c r="AB34" s="80"/>
      <c r="AC34" s="80"/>
      <c r="AD34" s="80"/>
      <c r="AE34" s="80"/>
      <c r="AF34" s="79"/>
      <c r="AG34" s="2"/>
      <c r="AH34" s="4"/>
      <c r="AI34" s="13"/>
      <c r="AJ34" s="14"/>
    </row>
    <row r="35" spans="2:36" s="7" customFormat="1" ht="15" customHeight="1" x14ac:dyDescent="0.15">
      <c r="B35" s="78"/>
      <c r="C35" s="79"/>
      <c r="D35" s="5"/>
      <c r="E35" s="2"/>
      <c r="F35" s="3"/>
      <c r="G35" s="4"/>
      <c r="H35" s="28"/>
      <c r="I35" s="3"/>
      <c r="J35" s="3"/>
      <c r="K35" s="3"/>
      <c r="L35" s="30"/>
      <c r="M35" s="4"/>
      <c r="N35" s="6"/>
      <c r="O35" s="2"/>
      <c r="P35" s="3"/>
      <c r="Q35" s="3"/>
      <c r="R35" s="4"/>
      <c r="S35" s="2"/>
      <c r="T35" s="28"/>
      <c r="U35" s="28"/>
      <c r="V35" s="28"/>
      <c r="W35" s="3"/>
      <c r="X35" s="12" t="s">
        <v>21</v>
      </c>
      <c r="Y35" s="4"/>
      <c r="Z35" s="78"/>
      <c r="AA35" s="80"/>
      <c r="AB35" s="80"/>
      <c r="AC35" s="80"/>
      <c r="AD35" s="80"/>
      <c r="AE35" s="80"/>
      <c r="AF35" s="79"/>
      <c r="AG35" s="2"/>
      <c r="AH35" s="4"/>
      <c r="AI35" s="13"/>
      <c r="AJ35" s="14"/>
    </row>
    <row r="36" spans="2:36" s="7" customFormat="1" ht="15" customHeight="1" x14ac:dyDescent="0.15">
      <c r="B36" s="78"/>
      <c r="C36" s="79"/>
      <c r="D36" s="5"/>
      <c r="E36" s="2"/>
      <c r="F36" s="3"/>
      <c r="G36" s="4"/>
      <c r="H36" s="28"/>
      <c r="I36" s="3"/>
      <c r="J36" s="3"/>
      <c r="K36" s="3"/>
      <c r="L36" s="30"/>
      <c r="M36" s="4"/>
      <c r="N36" s="6"/>
      <c r="O36" s="2"/>
      <c r="P36" s="3"/>
      <c r="Q36" s="3"/>
      <c r="R36" s="4"/>
      <c r="S36" s="2"/>
      <c r="T36" s="28"/>
      <c r="U36" s="28"/>
      <c r="V36" s="28"/>
      <c r="W36" s="3"/>
      <c r="X36" s="12" t="s">
        <v>21</v>
      </c>
      <c r="Y36" s="4"/>
      <c r="Z36" s="78"/>
      <c r="AA36" s="80"/>
      <c r="AB36" s="80"/>
      <c r="AC36" s="80"/>
      <c r="AD36" s="80"/>
      <c r="AE36" s="80"/>
      <c r="AF36" s="79"/>
      <c r="AG36" s="2"/>
      <c r="AH36" s="4"/>
      <c r="AI36" s="13"/>
      <c r="AJ36" s="14"/>
    </row>
    <row r="37" spans="2:36" s="7" customFormat="1" ht="15" customHeight="1" x14ac:dyDescent="0.15">
      <c r="B37" s="78"/>
      <c r="C37" s="79"/>
      <c r="D37" s="5"/>
      <c r="E37" s="2"/>
      <c r="F37" s="3"/>
      <c r="G37" s="4"/>
      <c r="H37" s="28"/>
      <c r="I37" s="3"/>
      <c r="J37" s="3"/>
      <c r="K37" s="3"/>
      <c r="L37" s="30"/>
      <c r="M37" s="4"/>
      <c r="N37" s="6"/>
      <c r="O37" s="2"/>
      <c r="P37" s="3"/>
      <c r="Q37" s="3"/>
      <c r="R37" s="4"/>
      <c r="S37" s="2"/>
      <c r="T37" s="28"/>
      <c r="U37" s="28"/>
      <c r="V37" s="28"/>
      <c r="W37" s="3"/>
      <c r="X37" s="12" t="s">
        <v>21</v>
      </c>
      <c r="Y37" s="4"/>
      <c r="Z37" s="78"/>
      <c r="AA37" s="80"/>
      <c r="AB37" s="80"/>
      <c r="AC37" s="80"/>
      <c r="AD37" s="80"/>
      <c r="AE37" s="80"/>
      <c r="AF37" s="79"/>
      <c r="AG37" s="2"/>
      <c r="AH37" s="4"/>
      <c r="AI37" s="13"/>
      <c r="AJ37" s="14"/>
    </row>
    <row r="38" spans="2:36" s="7" customFormat="1" ht="15" customHeight="1" x14ac:dyDescent="0.15">
      <c r="B38" s="78"/>
      <c r="C38" s="79"/>
      <c r="D38" s="5"/>
      <c r="E38" s="2"/>
      <c r="F38" s="3"/>
      <c r="G38" s="4"/>
      <c r="H38" s="28"/>
      <c r="I38" s="3"/>
      <c r="J38" s="3"/>
      <c r="K38" s="3"/>
      <c r="L38" s="30"/>
      <c r="M38" s="4"/>
      <c r="N38" s="6"/>
      <c r="O38" s="2"/>
      <c r="P38" s="3"/>
      <c r="Q38" s="3"/>
      <c r="R38" s="4"/>
      <c r="S38" s="2"/>
      <c r="T38" s="28"/>
      <c r="U38" s="28"/>
      <c r="V38" s="28"/>
      <c r="W38" s="3"/>
      <c r="X38" s="12" t="s">
        <v>21</v>
      </c>
      <c r="Y38" s="4"/>
      <c r="Z38" s="78"/>
      <c r="AA38" s="80"/>
      <c r="AB38" s="80"/>
      <c r="AC38" s="80"/>
      <c r="AD38" s="80"/>
      <c r="AE38" s="80"/>
      <c r="AF38" s="79"/>
      <c r="AG38" s="2"/>
      <c r="AH38" s="4"/>
      <c r="AI38" s="13"/>
      <c r="AJ38" s="14"/>
    </row>
    <row r="39" spans="2:36" s="27" customFormat="1" x14ac:dyDescent="0.15"/>
    <row r="40" spans="2:36" s="27" customFormat="1" x14ac:dyDescent="0.15"/>
    <row r="41" spans="2:36" s="27" customFormat="1" x14ac:dyDescent="0.15"/>
    <row r="42" spans="2:36" s="27" customFormat="1" x14ac:dyDescent="0.15"/>
    <row r="43" spans="2:36" s="27" customFormat="1" x14ac:dyDescent="0.15"/>
    <row r="44" spans="2:36" s="27" customFormat="1" x14ac:dyDescent="0.15"/>
    <row r="45" spans="2:36" s="27" customFormat="1" x14ac:dyDescent="0.15"/>
    <row r="46" spans="2:36" s="27" customFormat="1" x14ac:dyDescent="0.15"/>
    <row r="47" spans="2:36" s="27" customFormat="1" x14ac:dyDescent="0.15"/>
    <row r="48" spans="2:36" s="27" customFormat="1" x14ac:dyDescent="0.15"/>
    <row r="49" s="27" customFormat="1" x14ac:dyDescent="0.15"/>
    <row r="50" s="27" customFormat="1" x14ac:dyDescent="0.15"/>
    <row r="51" s="27" customFormat="1" x14ac:dyDescent="0.15"/>
    <row r="52" s="27" customFormat="1" x14ac:dyDescent="0.15"/>
    <row r="53" s="27" customFormat="1" x14ac:dyDescent="0.15"/>
    <row r="54" s="27" customFormat="1" x14ac:dyDescent="0.15"/>
    <row r="55" s="27" customFormat="1" x14ac:dyDescent="0.15"/>
    <row r="56" s="27" customFormat="1" x14ac:dyDescent="0.15"/>
    <row r="57" s="27" customFormat="1" x14ac:dyDescent="0.15"/>
    <row r="58" s="27" customFormat="1" x14ac:dyDescent="0.15"/>
    <row r="59" s="27" customFormat="1" x14ac:dyDescent="0.15"/>
    <row r="60" s="27" customFormat="1" x14ac:dyDescent="0.15"/>
    <row r="61" s="27" customFormat="1" x14ac:dyDescent="0.15"/>
    <row r="62" s="27" customFormat="1" x14ac:dyDescent="0.15"/>
    <row r="63" s="27" customFormat="1" x14ac:dyDescent="0.15"/>
    <row r="64" s="27" customFormat="1" x14ac:dyDescent="0.15"/>
    <row r="65" s="27" customFormat="1" x14ac:dyDescent="0.15"/>
    <row r="66" s="27" customFormat="1" x14ac:dyDescent="0.15"/>
    <row r="67" s="27" customFormat="1" x14ac:dyDescent="0.15"/>
    <row r="68" s="27" customFormat="1" x14ac:dyDescent="0.15"/>
    <row r="69" s="27" customFormat="1" x14ac:dyDescent="0.15"/>
    <row r="70" s="27" customFormat="1" x14ac:dyDescent="0.15"/>
    <row r="71" s="27" customFormat="1" x14ac:dyDescent="0.15"/>
    <row r="72" s="27" customFormat="1" x14ac:dyDescent="0.15"/>
    <row r="73" s="27" customFormat="1" x14ac:dyDescent="0.15"/>
    <row r="74" s="27" customFormat="1" x14ac:dyDescent="0.15"/>
    <row r="75" s="27" customFormat="1" x14ac:dyDescent="0.15"/>
    <row r="76" s="27" customFormat="1" x14ac:dyDescent="0.15"/>
    <row r="77" s="27" customFormat="1" x14ac:dyDescent="0.15"/>
    <row r="78" s="27" customFormat="1" x14ac:dyDescent="0.15"/>
  </sheetData>
  <mergeCells count="49">
    <mergeCell ref="A1:AH1"/>
    <mergeCell ref="AG25:AH26"/>
    <mergeCell ref="C20:E20"/>
    <mergeCell ref="I20:P20"/>
    <mergeCell ref="W6:AH6"/>
    <mergeCell ref="W8:AH8"/>
    <mergeCell ref="W9:AH9"/>
    <mergeCell ref="W11:Z11"/>
    <mergeCell ref="AD11:AH11"/>
    <mergeCell ref="B24:M24"/>
    <mergeCell ref="Z31:AF31"/>
    <mergeCell ref="AE2:AF2"/>
    <mergeCell ref="AB2:AC2"/>
    <mergeCell ref="Y2:Z2"/>
    <mergeCell ref="B29:C29"/>
    <mergeCell ref="Z29:AF29"/>
    <mergeCell ref="B30:C30"/>
    <mergeCell ref="Z30:AF30"/>
    <mergeCell ref="Z27:AF27"/>
    <mergeCell ref="Z28:AF28"/>
    <mergeCell ref="Z24:AH24"/>
    <mergeCell ref="Z25:AF25"/>
    <mergeCell ref="O25:R26"/>
    <mergeCell ref="N24:R24"/>
    <mergeCell ref="S24:Y24"/>
    <mergeCell ref="S26:Y26"/>
    <mergeCell ref="N25:N26"/>
    <mergeCell ref="Z34:AF34"/>
    <mergeCell ref="B33:C33"/>
    <mergeCell ref="Z33:AF33"/>
    <mergeCell ref="B32:C32"/>
    <mergeCell ref="Z32:AF32"/>
    <mergeCell ref="B34:C34"/>
    <mergeCell ref="Z36:AF36"/>
    <mergeCell ref="B35:C35"/>
    <mergeCell ref="Z35:AF35"/>
    <mergeCell ref="B38:C38"/>
    <mergeCell ref="Z38:AF38"/>
    <mergeCell ref="B37:C37"/>
    <mergeCell ref="Z37:AF37"/>
    <mergeCell ref="B25:C26"/>
    <mergeCell ref="D25:D26"/>
    <mergeCell ref="H25:M26"/>
    <mergeCell ref="E25:G25"/>
    <mergeCell ref="E26:G26"/>
    <mergeCell ref="B36:C36"/>
    <mergeCell ref="B27:C27"/>
    <mergeCell ref="B28:C28"/>
    <mergeCell ref="B31:C31"/>
  </mergeCells>
  <phoneticPr fontId="1"/>
  <pageMargins left="0.59055118110236227" right="0.59055118110236227" top="0.59055118110236227" bottom="0.59055118110236227" header="0.31496062992125984" footer="0.11811023622047245"/>
  <pageSetup paperSize="9" orientation="landscape" horizontalDpi="300" verticalDpi="300" r:id="rId1"/>
  <headerFooter alignWithMargins="0">
    <oddHeader>&amp;L別記様式第１３号（第１４関係）</oddHeader>
    <oddFooter xml:space="preserve">&amp;L　注）１　県外産業廃棄物を処分する施設ごとに報告書を作成すること。
　     ２　記入欄が不足する場合は、様式を複写して使用すること。
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E27"/>
  <sheetViews>
    <sheetView workbookViewId="0">
      <selection activeCell="AB33" sqref="AB33"/>
    </sheetView>
  </sheetViews>
  <sheetFormatPr defaultRowHeight="12" x14ac:dyDescent="0.15"/>
  <cols>
    <col min="1" max="44" width="3.28515625" customWidth="1"/>
  </cols>
  <sheetData>
    <row r="1" spans="1:57" s="55" customFormat="1" ht="15" customHeight="1" x14ac:dyDescent="0.15">
      <c r="A1" s="51"/>
      <c r="B1" s="52"/>
      <c r="C1" s="52"/>
      <c r="D1" s="52"/>
      <c r="E1" s="53"/>
      <c r="F1" s="53"/>
      <c r="G1" s="53"/>
      <c r="H1" s="54"/>
      <c r="I1" s="52"/>
      <c r="J1" s="52"/>
      <c r="K1" s="52"/>
      <c r="L1" s="53"/>
      <c r="M1" s="53"/>
      <c r="N1" s="53"/>
      <c r="O1" s="54"/>
      <c r="P1" s="52"/>
      <c r="Q1" s="52"/>
      <c r="R1" s="52"/>
      <c r="S1" s="53"/>
      <c r="T1" s="53"/>
      <c r="U1" s="53"/>
      <c r="V1" s="51"/>
      <c r="W1" s="52"/>
      <c r="X1" s="52"/>
      <c r="Y1" s="52"/>
      <c r="Z1" s="53"/>
      <c r="AA1" s="53"/>
      <c r="AB1" s="53"/>
    </row>
    <row r="2" spans="1:57" s="55" customFormat="1" ht="15" customHeight="1" x14ac:dyDescent="0.15">
      <c r="A2" s="51"/>
      <c r="B2" s="52"/>
      <c r="C2" s="52"/>
      <c r="D2" s="52"/>
      <c r="E2" s="53"/>
      <c r="F2" s="53"/>
      <c r="G2" s="53"/>
      <c r="H2" s="54"/>
      <c r="I2" s="56"/>
      <c r="J2" s="56"/>
      <c r="K2" s="56"/>
      <c r="L2" s="53"/>
      <c r="M2" s="53"/>
      <c r="N2" s="53"/>
      <c r="O2" s="106" t="s">
        <v>281</v>
      </c>
      <c r="P2" s="106"/>
      <c r="Q2" s="106"/>
      <c r="R2" s="106"/>
      <c r="S2" s="106"/>
      <c r="T2" s="106"/>
      <c r="U2" s="106"/>
      <c r="V2" s="106"/>
      <c r="W2" s="106"/>
      <c r="X2" s="106"/>
      <c r="Y2" s="106"/>
      <c r="Z2" s="106"/>
      <c r="AA2" s="106"/>
      <c r="AB2" s="106"/>
      <c r="AC2" s="106"/>
    </row>
    <row r="3" spans="1:57" s="59" customFormat="1" ht="15" customHeight="1" x14ac:dyDescent="0.15">
      <c r="A3" s="57"/>
      <c r="B3" s="58"/>
      <c r="C3" s="58"/>
      <c r="D3" s="58"/>
      <c r="E3" s="58"/>
      <c r="F3" s="58"/>
      <c r="G3" s="58"/>
      <c r="H3" s="58"/>
      <c r="I3" s="58"/>
      <c r="J3" s="58"/>
      <c r="K3" s="58"/>
      <c r="L3" s="58"/>
      <c r="M3" s="58"/>
      <c r="N3" s="58"/>
      <c r="O3" s="107"/>
      <c r="P3" s="108"/>
      <c r="Q3" s="108"/>
      <c r="R3" s="108"/>
      <c r="S3" s="108"/>
      <c r="T3" s="108"/>
      <c r="U3" s="108"/>
      <c r="V3" s="107"/>
      <c r="W3" s="108"/>
      <c r="X3" s="108"/>
      <c r="Y3" s="108"/>
      <c r="Z3" s="108"/>
      <c r="AA3" s="108"/>
      <c r="AB3" s="108"/>
      <c r="AC3" s="107"/>
      <c r="AD3" s="58"/>
      <c r="AE3" s="58"/>
      <c r="AF3" s="58"/>
      <c r="AG3" s="58"/>
      <c r="AH3" s="58"/>
      <c r="AI3" s="58"/>
      <c r="AJ3" s="58"/>
      <c r="AK3" s="58"/>
      <c r="AL3" s="58"/>
      <c r="AM3" s="58"/>
      <c r="AN3" s="58"/>
      <c r="AO3" s="58"/>
      <c r="AP3" s="58"/>
      <c r="AQ3" s="58"/>
    </row>
    <row r="4" spans="1:57" s="59" customFormat="1" ht="13.5" x14ac:dyDescent="0.15">
      <c r="A4" s="58"/>
      <c r="B4" s="102" t="s">
        <v>156</v>
      </c>
      <c r="C4" s="102"/>
      <c r="D4" s="102"/>
      <c r="E4" s="105" t="s">
        <v>263</v>
      </c>
      <c r="F4" s="105"/>
      <c r="G4" s="105"/>
      <c r="H4" s="60"/>
      <c r="I4" s="102" t="s">
        <v>156</v>
      </c>
      <c r="J4" s="102"/>
      <c r="K4" s="102"/>
      <c r="L4" s="105" t="s">
        <v>263</v>
      </c>
      <c r="M4" s="105"/>
      <c r="N4" s="105"/>
      <c r="O4" s="61"/>
      <c r="P4" s="102" t="s">
        <v>156</v>
      </c>
      <c r="Q4" s="102"/>
      <c r="R4" s="102"/>
      <c r="S4" s="105" t="s">
        <v>263</v>
      </c>
      <c r="T4" s="105"/>
      <c r="U4" s="105"/>
      <c r="V4" s="62"/>
      <c r="W4" s="102" t="s">
        <v>156</v>
      </c>
      <c r="X4" s="102"/>
      <c r="Y4" s="102"/>
      <c r="Z4" s="105" t="s">
        <v>263</v>
      </c>
      <c r="AA4" s="105"/>
      <c r="AB4" s="105"/>
      <c r="AC4" s="62"/>
      <c r="AD4" s="102" t="s">
        <v>156</v>
      </c>
      <c r="AE4" s="102"/>
      <c r="AF4" s="102"/>
      <c r="AG4" s="105" t="s">
        <v>263</v>
      </c>
      <c r="AH4" s="105"/>
      <c r="AI4" s="105"/>
      <c r="AJ4" s="58"/>
      <c r="AK4" s="58"/>
      <c r="AL4" s="58"/>
      <c r="AM4" s="58"/>
      <c r="AN4" s="58"/>
      <c r="AO4" s="58"/>
      <c r="AP4" s="58"/>
      <c r="AQ4" s="58"/>
    </row>
    <row r="5" spans="1:57" s="55" customFormat="1" ht="8.1" customHeight="1" x14ac:dyDescent="0.15">
      <c r="A5" s="58"/>
      <c r="B5" s="103" t="s">
        <v>157</v>
      </c>
      <c r="C5" s="103"/>
      <c r="D5" s="103"/>
      <c r="E5" s="104" t="s">
        <v>264</v>
      </c>
      <c r="F5" s="104"/>
      <c r="G5" s="104"/>
      <c r="H5" s="63"/>
      <c r="I5" s="103" t="s">
        <v>158</v>
      </c>
      <c r="J5" s="103"/>
      <c r="K5" s="103"/>
      <c r="L5" s="104" t="s">
        <v>265</v>
      </c>
      <c r="M5" s="104"/>
      <c r="N5" s="104"/>
      <c r="O5" s="63"/>
      <c r="P5" s="103" t="s">
        <v>159</v>
      </c>
      <c r="Q5" s="103"/>
      <c r="R5" s="103"/>
      <c r="S5" s="104" t="s">
        <v>266</v>
      </c>
      <c r="T5" s="104"/>
      <c r="U5" s="104"/>
      <c r="V5" s="64"/>
      <c r="W5" s="103" t="s">
        <v>160</v>
      </c>
      <c r="X5" s="103"/>
      <c r="Y5" s="103"/>
      <c r="Z5" s="104" t="s">
        <v>267</v>
      </c>
      <c r="AA5" s="104"/>
      <c r="AB5" s="104"/>
      <c r="AC5" s="65"/>
      <c r="AD5" s="103" t="s">
        <v>161</v>
      </c>
      <c r="AE5" s="103"/>
      <c r="AF5" s="103"/>
      <c r="AG5" s="104" t="s">
        <v>268</v>
      </c>
      <c r="AH5" s="104"/>
      <c r="AI5" s="104"/>
      <c r="AJ5" s="58"/>
      <c r="AK5" s="58"/>
      <c r="AL5" s="58"/>
      <c r="AM5" s="58"/>
      <c r="AN5" s="58"/>
      <c r="AO5" s="58"/>
      <c r="AP5" s="58"/>
      <c r="AQ5" s="58"/>
      <c r="AZ5" s="66"/>
    </row>
    <row r="6" spans="1:57" s="55" customFormat="1" ht="8.1" customHeight="1" x14ac:dyDescent="0.15">
      <c r="A6" s="58"/>
      <c r="B6" s="103"/>
      <c r="C6" s="103"/>
      <c r="D6" s="103"/>
      <c r="E6" s="104"/>
      <c r="F6" s="104"/>
      <c r="G6" s="104"/>
      <c r="I6" s="103"/>
      <c r="J6" s="103"/>
      <c r="K6" s="103"/>
      <c r="L6" s="104"/>
      <c r="M6" s="104"/>
      <c r="N6" s="104"/>
      <c r="P6" s="103"/>
      <c r="Q6" s="103"/>
      <c r="R6" s="103"/>
      <c r="S6" s="104"/>
      <c r="T6" s="104"/>
      <c r="U6" s="104"/>
      <c r="W6" s="103"/>
      <c r="X6" s="103"/>
      <c r="Y6" s="103"/>
      <c r="Z6" s="104"/>
      <c r="AA6" s="104"/>
      <c r="AB6" s="104"/>
      <c r="AD6" s="103"/>
      <c r="AE6" s="103"/>
      <c r="AF6" s="103"/>
      <c r="AG6" s="104"/>
      <c r="AH6" s="104"/>
      <c r="AI6" s="104"/>
      <c r="AJ6" s="58"/>
      <c r="AK6" s="58"/>
      <c r="AL6" s="58"/>
      <c r="AM6" s="58"/>
      <c r="AN6" s="58"/>
      <c r="AO6" s="58"/>
      <c r="AP6" s="58"/>
      <c r="AQ6" s="58"/>
      <c r="AZ6" s="66"/>
    </row>
    <row r="7" spans="1:57" s="55" customFormat="1" ht="8.1" customHeight="1" x14ac:dyDescent="0.15">
      <c r="A7" s="58"/>
      <c r="B7" s="103" t="s">
        <v>162</v>
      </c>
      <c r="C7" s="103"/>
      <c r="D7" s="103"/>
      <c r="E7" s="104" t="s">
        <v>269</v>
      </c>
      <c r="F7" s="104"/>
      <c r="G7" s="104"/>
      <c r="I7" s="103" t="s">
        <v>163</v>
      </c>
      <c r="J7" s="103"/>
      <c r="K7" s="103"/>
      <c r="L7" s="104" t="s">
        <v>270</v>
      </c>
      <c r="M7" s="104"/>
      <c r="N7" s="104"/>
      <c r="P7" s="103" t="s">
        <v>164</v>
      </c>
      <c r="Q7" s="103"/>
      <c r="R7" s="103"/>
      <c r="S7" s="104" t="s">
        <v>271</v>
      </c>
      <c r="T7" s="104"/>
      <c r="U7" s="104"/>
      <c r="W7" s="103" t="s">
        <v>165</v>
      </c>
      <c r="X7" s="103"/>
      <c r="Y7" s="103"/>
      <c r="Z7" s="104" t="s">
        <v>272</v>
      </c>
      <c r="AA7" s="104"/>
      <c r="AB7" s="104"/>
      <c r="AD7" s="103" t="s">
        <v>166</v>
      </c>
      <c r="AE7" s="103"/>
      <c r="AF7" s="103"/>
      <c r="AG7" s="104" t="s">
        <v>273</v>
      </c>
      <c r="AH7" s="104"/>
      <c r="AI7" s="104"/>
      <c r="AJ7" s="58"/>
      <c r="AK7" s="58"/>
      <c r="AL7" s="58"/>
      <c r="AM7" s="58"/>
      <c r="AN7" s="58"/>
      <c r="AO7" s="58"/>
      <c r="AP7" s="58"/>
      <c r="AQ7" s="58"/>
      <c r="AZ7" s="66"/>
    </row>
    <row r="8" spans="1:57" s="55" customFormat="1" ht="8.1" customHeight="1" x14ac:dyDescent="0.15">
      <c r="A8" s="67"/>
      <c r="B8" s="103"/>
      <c r="C8" s="103"/>
      <c r="D8" s="103"/>
      <c r="E8" s="104"/>
      <c r="F8" s="104"/>
      <c r="G8" s="104"/>
      <c r="H8" s="63"/>
      <c r="I8" s="103"/>
      <c r="J8" s="103"/>
      <c r="K8" s="103"/>
      <c r="L8" s="104"/>
      <c r="M8" s="104"/>
      <c r="N8" s="104"/>
      <c r="O8" s="63"/>
      <c r="P8" s="103"/>
      <c r="Q8" s="103"/>
      <c r="R8" s="103"/>
      <c r="S8" s="104"/>
      <c r="T8" s="104"/>
      <c r="U8" s="104"/>
      <c r="V8" s="64"/>
      <c r="W8" s="103"/>
      <c r="X8" s="103"/>
      <c r="Y8" s="103"/>
      <c r="Z8" s="104"/>
      <c r="AA8" s="104"/>
      <c r="AB8" s="104"/>
      <c r="AC8" s="65"/>
      <c r="AD8" s="103"/>
      <c r="AE8" s="103"/>
      <c r="AF8" s="103"/>
      <c r="AG8" s="104"/>
      <c r="AH8" s="104"/>
      <c r="AI8" s="104"/>
      <c r="AJ8" s="67"/>
      <c r="AK8" s="67"/>
      <c r="AL8" s="58"/>
      <c r="AM8" s="58"/>
      <c r="AN8" s="58"/>
      <c r="AO8" s="58"/>
      <c r="AP8" s="58"/>
      <c r="AQ8" s="58"/>
      <c r="AZ8" s="66"/>
    </row>
    <row r="9" spans="1:57" s="55" customFormat="1" ht="8.1" customHeight="1" x14ac:dyDescent="0.15">
      <c r="A9" s="67"/>
      <c r="B9" s="103" t="s">
        <v>167</v>
      </c>
      <c r="C9" s="103"/>
      <c r="D9" s="103"/>
      <c r="E9" s="104" t="s">
        <v>274</v>
      </c>
      <c r="F9" s="104"/>
      <c r="G9" s="104"/>
      <c r="H9" s="63"/>
      <c r="I9" s="103" t="s">
        <v>168</v>
      </c>
      <c r="J9" s="103"/>
      <c r="K9" s="103"/>
      <c r="L9" s="104" t="s">
        <v>275</v>
      </c>
      <c r="M9" s="104"/>
      <c r="N9" s="104"/>
      <c r="O9" s="63"/>
      <c r="P9" s="103" t="s">
        <v>169</v>
      </c>
      <c r="Q9" s="103"/>
      <c r="R9" s="103"/>
      <c r="S9" s="104" t="s">
        <v>276</v>
      </c>
      <c r="T9" s="104"/>
      <c r="U9" s="104"/>
      <c r="V9" s="64"/>
      <c r="W9" s="103" t="s">
        <v>170</v>
      </c>
      <c r="X9" s="103"/>
      <c r="Y9" s="103"/>
      <c r="Z9" s="104" t="s">
        <v>277</v>
      </c>
      <c r="AA9" s="104"/>
      <c r="AB9" s="104"/>
      <c r="AC9" s="65"/>
      <c r="AD9" s="103" t="s">
        <v>171</v>
      </c>
      <c r="AE9" s="103"/>
      <c r="AF9" s="103"/>
      <c r="AG9" s="104" t="s">
        <v>278</v>
      </c>
      <c r="AH9" s="104"/>
      <c r="AI9" s="104"/>
      <c r="AZ9" s="66"/>
    </row>
    <row r="10" spans="1:57" s="55" customFormat="1" ht="8.1" customHeight="1" x14ac:dyDescent="0.15">
      <c r="A10" s="67"/>
      <c r="B10" s="103"/>
      <c r="C10" s="103"/>
      <c r="D10" s="103"/>
      <c r="E10" s="104"/>
      <c r="F10" s="104"/>
      <c r="G10" s="104"/>
      <c r="I10" s="103"/>
      <c r="J10" s="103"/>
      <c r="K10" s="103"/>
      <c r="L10" s="104"/>
      <c r="M10" s="104"/>
      <c r="N10" s="104"/>
      <c r="P10" s="103"/>
      <c r="Q10" s="103"/>
      <c r="R10" s="103"/>
      <c r="S10" s="104"/>
      <c r="T10" s="104"/>
      <c r="U10" s="104"/>
      <c r="W10" s="103"/>
      <c r="X10" s="103"/>
      <c r="Y10" s="103"/>
      <c r="Z10" s="104"/>
      <c r="AA10" s="104"/>
      <c r="AB10" s="104"/>
      <c r="AD10" s="103"/>
      <c r="AE10" s="103"/>
      <c r="AF10" s="103"/>
      <c r="AG10" s="104"/>
      <c r="AH10" s="104"/>
      <c r="AI10" s="104"/>
      <c r="AZ10" s="66"/>
    </row>
    <row r="11" spans="1:57" s="55" customFormat="1" ht="15" customHeight="1" x14ac:dyDescent="0.15">
      <c r="A11" s="67"/>
      <c r="AZ11" s="66"/>
    </row>
    <row r="12" spans="1:57" s="55" customFormat="1" ht="15" customHeight="1" x14ac:dyDescent="0.15">
      <c r="A12" s="67"/>
      <c r="B12" s="102" t="s">
        <v>15</v>
      </c>
      <c r="C12" s="102"/>
      <c r="D12" s="102"/>
      <c r="E12" s="102" t="s">
        <v>279</v>
      </c>
      <c r="F12" s="102"/>
      <c r="G12" s="102"/>
      <c r="H12" s="102" t="s">
        <v>15</v>
      </c>
      <c r="I12" s="102"/>
      <c r="J12" s="102"/>
      <c r="K12" s="102" t="s">
        <v>279</v>
      </c>
      <c r="L12" s="102"/>
      <c r="M12" s="102"/>
      <c r="N12" s="102" t="s">
        <v>15</v>
      </c>
      <c r="O12" s="102"/>
      <c r="P12" s="102"/>
      <c r="Q12" s="102" t="s">
        <v>279</v>
      </c>
      <c r="R12" s="102"/>
      <c r="S12" s="102"/>
      <c r="T12" s="102" t="s">
        <v>15</v>
      </c>
      <c r="U12" s="102"/>
      <c r="V12" s="102"/>
      <c r="W12" s="102" t="s">
        <v>279</v>
      </c>
      <c r="X12" s="102"/>
      <c r="Y12" s="102"/>
      <c r="Z12" s="102" t="s">
        <v>15</v>
      </c>
      <c r="AA12" s="102"/>
      <c r="AB12" s="102"/>
      <c r="AC12" s="102" t="s">
        <v>279</v>
      </c>
      <c r="AD12" s="102"/>
      <c r="AE12" s="102"/>
      <c r="AF12" s="102" t="s">
        <v>15</v>
      </c>
      <c r="AG12" s="102"/>
      <c r="AH12" s="102"/>
      <c r="AI12" s="102" t="s">
        <v>279</v>
      </c>
      <c r="AJ12" s="102"/>
      <c r="AK12" s="102"/>
      <c r="AL12" s="102" t="s">
        <v>15</v>
      </c>
      <c r="AM12" s="102"/>
      <c r="AN12" s="102"/>
      <c r="AO12" s="102" t="s">
        <v>279</v>
      </c>
      <c r="AP12" s="102"/>
      <c r="AQ12" s="102"/>
      <c r="AZ12" s="66"/>
    </row>
    <row r="13" spans="1:57" s="55" customFormat="1" ht="8.1" customHeight="1" x14ac:dyDescent="0.15">
      <c r="A13" s="58"/>
      <c r="B13" s="100" t="s">
        <v>172</v>
      </c>
      <c r="C13" s="100"/>
      <c r="D13" s="100"/>
      <c r="E13" s="101" t="s">
        <v>280</v>
      </c>
      <c r="F13" s="101"/>
      <c r="G13" s="101"/>
      <c r="H13" s="100" t="s">
        <v>173</v>
      </c>
      <c r="I13" s="100"/>
      <c r="J13" s="100"/>
      <c r="K13" s="101" t="s">
        <v>174</v>
      </c>
      <c r="L13" s="101"/>
      <c r="M13" s="101"/>
      <c r="N13" s="100" t="s">
        <v>175</v>
      </c>
      <c r="O13" s="100"/>
      <c r="P13" s="100"/>
      <c r="Q13" s="101" t="s">
        <v>176</v>
      </c>
      <c r="R13" s="101"/>
      <c r="S13" s="101"/>
      <c r="T13" s="100" t="s">
        <v>177</v>
      </c>
      <c r="U13" s="100"/>
      <c r="V13" s="100"/>
      <c r="W13" s="101" t="s">
        <v>178</v>
      </c>
      <c r="X13" s="101"/>
      <c r="Y13" s="101"/>
      <c r="Z13" s="100" t="s">
        <v>33</v>
      </c>
      <c r="AA13" s="100"/>
      <c r="AB13" s="100"/>
      <c r="AC13" s="101" t="s">
        <v>179</v>
      </c>
      <c r="AD13" s="101"/>
      <c r="AE13" s="101"/>
      <c r="AF13" s="100" t="s">
        <v>180</v>
      </c>
      <c r="AG13" s="100"/>
      <c r="AH13" s="100"/>
      <c r="AI13" s="101" t="s">
        <v>181</v>
      </c>
      <c r="AJ13" s="101"/>
      <c r="AK13" s="101"/>
      <c r="AL13" s="100" t="s">
        <v>182</v>
      </c>
      <c r="AM13" s="100"/>
      <c r="AN13" s="100"/>
      <c r="AO13" s="101" t="s">
        <v>183</v>
      </c>
      <c r="AP13" s="101"/>
      <c r="AQ13" s="101"/>
      <c r="AZ13" s="66"/>
      <c r="BE13" s="59"/>
    </row>
    <row r="14" spans="1:57" s="55" customFormat="1" ht="8.1" customHeight="1" x14ac:dyDescent="0.15">
      <c r="A14" s="58"/>
      <c r="B14" s="100"/>
      <c r="C14" s="100"/>
      <c r="D14" s="100"/>
      <c r="E14" s="101"/>
      <c r="F14" s="101"/>
      <c r="G14" s="101"/>
      <c r="H14" s="100"/>
      <c r="I14" s="100"/>
      <c r="J14" s="100"/>
      <c r="K14" s="101"/>
      <c r="L14" s="101"/>
      <c r="M14" s="101"/>
      <c r="N14" s="100"/>
      <c r="O14" s="100"/>
      <c r="P14" s="100"/>
      <c r="Q14" s="101"/>
      <c r="R14" s="101"/>
      <c r="S14" s="101"/>
      <c r="T14" s="100"/>
      <c r="U14" s="100"/>
      <c r="V14" s="100"/>
      <c r="W14" s="101"/>
      <c r="X14" s="101"/>
      <c r="Y14" s="101"/>
      <c r="Z14" s="100"/>
      <c r="AA14" s="100"/>
      <c r="AB14" s="100"/>
      <c r="AC14" s="101"/>
      <c r="AD14" s="101"/>
      <c r="AE14" s="101"/>
      <c r="AF14" s="100"/>
      <c r="AG14" s="100"/>
      <c r="AH14" s="100"/>
      <c r="AI14" s="101"/>
      <c r="AJ14" s="101"/>
      <c r="AK14" s="101"/>
      <c r="AL14" s="100"/>
      <c r="AM14" s="100"/>
      <c r="AN14" s="100"/>
      <c r="AO14" s="101"/>
      <c r="AP14" s="101"/>
      <c r="AQ14" s="101"/>
    </row>
    <row r="15" spans="1:57" s="55" customFormat="1" ht="8.1" customHeight="1" x14ac:dyDescent="0.15">
      <c r="A15" s="58"/>
      <c r="B15" s="100" t="s">
        <v>184</v>
      </c>
      <c r="C15" s="100"/>
      <c r="D15" s="100"/>
      <c r="E15" s="101" t="s">
        <v>185</v>
      </c>
      <c r="F15" s="101"/>
      <c r="G15" s="101"/>
      <c r="H15" s="100" t="s">
        <v>186</v>
      </c>
      <c r="I15" s="100"/>
      <c r="J15" s="100"/>
      <c r="K15" s="101" t="s">
        <v>187</v>
      </c>
      <c r="L15" s="101"/>
      <c r="M15" s="101"/>
      <c r="N15" s="100" t="s">
        <v>188</v>
      </c>
      <c r="O15" s="100"/>
      <c r="P15" s="100"/>
      <c r="Q15" s="101" t="s">
        <v>189</v>
      </c>
      <c r="R15" s="101"/>
      <c r="S15" s="101"/>
      <c r="T15" s="100" t="s">
        <v>190</v>
      </c>
      <c r="U15" s="100"/>
      <c r="V15" s="100"/>
      <c r="W15" s="101" t="s">
        <v>191</v>
      </c>
      <c r="X15" s="101"/>
      <c r="Y15" s="101"/>
      <c r="Z15" s="100" t="s">
        <v>192</v>
      </c>
      <c r="AA15" s="100"/>
      <c r="AB15" s="100"/>
      <c r="AC15" s="101" t="s">
        <v>193</v>
      </c>
      <c r="AD15" s="101"/>
      <c r="AE15" s="101"/>
      <c r="AF15" s="100" t="s">
        <v>194</v>
      </c>
      <c r="AG15" s="100"/>
      <c r="AH15" s="100"/>
      <c r="AI15" s="101" t="s">
        <v>195</v>
      </c>
      <c r="AJ15" s="101"/>
      <c r="AK15" s="101"/>
      <c r="AL15" s="100" t="s">
        <v>196</v>
      </c>
      <c r="AM15" s="100"/>
      <c r="AN15" s="100"/>
      <c r="AO15" s="101" t="s">
        <v>197</v>
      </c>
      <c r="AP15" s="101"/>
      <c r="AQ15" s="101"/>
    </row>
    <row r="16" spans="1:57" s="55" customFormat="1" ht="8.1" customHeight="1" x14ac:dyDescent="0.15">
      <c r="A16" s="58"/>
      <c r="B16" s="100"/>
      <c r="C16" s="100"/>
      <c r="D16" s="100"/>
      <c r="E16" s="101"/>
      <c r="F16" s="101"/>
      <c r="G16" s="101"/>
      <c r="H16" s="100"/>
      <c r="I16" s="100"/>
      <c r="J16" s="100"/>
      <c r="K16" s="101"/>
      <c r="L16" s="101"/>
      <c r="M16" s="101"/>
      <c r="N16" s="100"/>
      <c r="O16" s="100"/>
      <c r="P16" s="100"/>
      <c r="Q16" s="101"/>
      <c r="R16" s="101"/>
      <c r="S16" s="101"/>
      <c r="T16" s="100"/>
      <c r="U16" s="100"/>
      <c r="V16" s="100"/>
      <c r="W16" s="101"/>
      <c r="X16" s="101"/>
      <c r="Y16" s="101"/>
      <c r="Z16" s="100"/>
      <c r="AA16" s="100"/>
      <c r="AB16" s="100"/>
      <c r="AC16" s="101"/>
      <c r="AD16" s="101"/>
      <c r="AE16" s="101"/>
      <c r="AF16" s="100"/>
      <c r="AG16" s="100"/>
      <c r="AH16" s="100"/>
      <c r="AI16" s="101"/>
      <c r="AJ16" s="101"/>
      <c r="AK16" s="101"/>
      <c r="AL16" s="100"/>
      <c r="AM16" s="100"/>
      <c r="AN16" s="100"/>
      <c r="AO16" s="101"/>
      <c r="AP16" s="101"/>
      <c r="AQ16" s="101"/>
    </row>
    <row r="17" spans="2:43" s="55" customFormat="1" ht="8.1" customHeight="1" x14ac:dyDescent="0.15">
      <c r="B17" s="100" t="s">
        <v>198</v>
      </c>
      <c r="C17" s="100"/>
      <c r="D17" s="100"/>
      <c r="E17" s="101" t="s">
        <v>199</v>
      </c>
      <c r="F17" s="101"/>
      <c r="G17" s="101"/>
      <c r="H17" s="100" t="s">
        <v>200</v>
      </c>
      <c r="I17" s="100"/>
      <c r="J17" s="100"/>
      <c r="K17" s="101" t="s">
        <v>201</v>
      </c>
      <c r="L17" s="101"/>
      <c r="M17" s="101"/>
      <c r="N17" s="100" t="s">
        <v>202</v>
      </c>
      <c r="O17" s="100"/>
      <c r="P17" s="100"/>
      <c r="Q17" s="101" t="s">
        <v>203</v>
      </c>
      <c r="R17" s="101"/>
      <c r="S17" s="101"/>
      <c r="T17" s="100" t="s">
        <v>204</v>
      </c>
      <c r="U17" s="100"/>
      <c r="V17" s="100"/>
      <c r="W17" s="101" t="s">
        <v>205</v>
      </c>
      <c r="X17" s="101"/>
      <c r="Y17" s="101"/>
      <c r="Z17" s="100" t="s">
        <v>206</v>
      </c>
      <c r="AA17" s="100"/>
      <c r="AB17" s="100"/>
      <c r="AC17" s="101" t="s">
        <v>207</v>
      </c>
      <c r="AD17" s="101"/>
      <c r="AE17" s="101"/>
      <c r="AF17" s="100" t="s">
        <v>208</v>
      </c>
      <c r="AG17" s="100"/>
      <c r="AH17" s="100"/>
      <c r="AI17" s="101" t="s">
        <v>209</v>
      </c>
      <c r="AJ17" s="101"/>
      <c r="AK17" s="101"/>
      <c r="AL17" s="100" t="s">
        <v>210</v>
      </c>
      <c r="AM17" s="100"/>
      <c r="AN17" s="100"/>
      <c r="AO17" s="101" t="s">
        <v>211</v>
      </c>
      <c r="AP17" s="101"/>
      <c r="AQ17" s="101"/>
    </row>
    <row r="18" spans="2:43" s="55" customFormat="1" ht="8.1" customHeight="1" x14ac:dyDescent="0.15">
      <c r="B18" s="100"/>
      <c r="C18" s="100"/>
      <c r="D18" s="100"/>
      <c r="E18" s="101"/>
      <c r="F18" s="101"/>
      <c r="G18" s="101"/>
      <c r="H18" s="100"/>
      <c r="I18" s="100"/>
      <c r="J18" s="100"/>
      <c r="K18" s="101"/>
      <c r="L18" s="101"/>
      <c r="M18" s="101"/>
      <c r="N18" s="100"/>
      <c r="O18" s="100"/>
      <c r="P18" s="100"/>
      <c r="Q18" s="101"/>
      <c r="R18" s="101"/>
      <c r="S18" s="101"/>
      <c r="T18" s="100"/>
      <c r="U18" s="100"/>
      <c r="V18" s="100"/>
      <c r="W18" s="101"/>
      <c r="X18" s="101"/>
      <c r="Y18" s="101"/>
      <c r="Z18" s="100"/>
      <c r="AA18" s="100"/>
      <c r="AB18" s="100"/>
      <c r="AC18" s="101"/>
      <c r="AD18" s="101"/>
      <c r="AE18" s="101"/>
      <c r="AF18" s="100"/>
      <c r="AG18" s="100"/>
      <c r="AH18" s="100"/>
      <c r="AI18" s="101"/>
      <c r="AJ18" s="101"/>
      <c r="AK18" s="101"/>
      <c r="AL18" s="100"/>
      <c r="AM18" s="100"/>
      <c r="AN18" s="100"/>
      <c r="AO18" s="101"/>
      <c r="AP18" s="101"/>
      <c r="AQ18" s="101"/>
    </row>
    <row r="19" spans="2:43" s="55" customFormat="1" ht="8.1" customHeight="1" x14ac:dyDescent="0.15">
      <c r="B19" s="100" t="s">
        <v>212</v>
      </c>
      <c r="C19" s="100"/>
      <c r="D19" s="100"/>
      <c r="E19" s="101" t="s">
        <v>213</v>
      </c>
      <c r="F19" s="101"/>
      <c r="G19" s="101"/>
      <c r="H19" s="100" t="s">
        <v>214</v>
      </c>
      <c r="I19" s="100"/>
      <c r="J19" s="100"/>
      <c r="K19" s="101" t="s">
        <v>215</v>
      </c>
      <c r="L19" s="101"/>
      <c r="M19" s="101"/>
      <c r="N19" s="100" t="s">
        <v>216</v>
      </c>
      <c r="O19" s="100"/>
      <c r="P19" s="100"/>
      <c r="Q19" s="101" t="s">
        <v>217</v>
      </c>
      <c r="R19" s="101"/>
      <c r="S19" s="101"/>
      <c r="T19" s="100" t="s">
        <v>218</v>
      </c>
      <c r="U19" s="100"/>
      <c r="V19" s="100"/>
      <c r="W19" s="101" t="s">
        <v>219</v>
      </c>
      <c r="X19" s="101"/>
      <c r="Y19" s="101"/>
      <c r="Z19" s="100" t="s">
        <v>220</v>
      </c>
      <c r="AA19" s="100"/>
      <c r="AB19" s="100"/>
      <c r="AC19" s="101" t="s">
        <v>221</v>
      </c>
      <c r="AD19" s="101"/>
      <c r="AE19" s="101"/>
      <c r="AF19" s="100" t="s">
        <v>222</v>
      </c>
      <c r="AG19" s="100"/>
      <c r="AH19" s="100"/>
      <c r="AI19" s="101" t="s">
        <v>223</v>
      </c>
      <c r="AJ19" s="101"/>
      <c r="AK19" s="101"/>
      <c r="AL19" s="100" t="s">
        <v>224</v>
      </c>
      <c r="AM19" s="100"/>
      <c r="AN19" s="100"/>
      <c r="AO19" s="101" t="s">
        <v>225</v>
      </c>
      <c r="AP19" s="101"/>
      <c r="AQ19" s="101"/>
    </row>
    <row r="20" spans="2:43" s="55" customFormat="1" ht="8.1" customHeight="1" x14ac:dyDescent="0.15">
      <c r="B20" s="100"/>
      <c r="C20" s="100"/>
      <c r="D20" s="100"/>
      <c r="E20" s="101"/>
      <c r="F20" s="101"/>
      <c r="G20" s="101"/>
      <c r="H20" s="100"/>
      <c r="I20" s="100"/>
      <c r="J20" s="100"/>
      <c r="K20" s="101"/>
      <c r="L20" s="101"/>
      <c r="M20" s="101"/>
      <c r="N20" s="100"/>
      <c r="O20" s="100"/>
      <c r="P20" s="100"/>
      <c r="Q20" s="101"/>
      <c r="R20" s="101"/>
      <c r="S20" s="101"/>
      <c r="T20" s="100"/>
      <c r="U20" s="100"/>
      <c r="V20" s="100"/>
      <c r="W20" s="101"/>
      <c r="X20" s="101"/>
      <c r="Y20" s="101"/>
      <c r="Z20" s="100"/>
      <c r="AA20" s="100"/>
      <c r="AB20" s="100"/>
      <c r="AC20" s="101"/>
      <c r="AD20" s="101"/>
      <c r="AE20" s="101"/>
      <c r="AF20" s="100"/>
      <c r="AG20" s="100"/>
      <c r="AH20" s="100"/>
      <c r="AI20" s="101"/>
      <c r="AJ20" s="101"/>
      <c r="AK20" s="101"/>
      <c r="AL20" s="100"/>
      <c r="AM20" s="100"/>
      <c r="AN20" s="100"/>
      <c r="AO20" s="101"/>
      <c r="AP20" s="101"/>
      <c r="AQ20" s="101"/>
    </row>
    <row r="21" spans="2:43" s="55" customFormat="1" ht="8.1" customHeight="1" x14ac:dyDescent="0.15">
      <c r="B21" s="100" t="s">
        <v>226</v>
      </c>
      <c r="C21" s="100"/>
      <c r="D21" s="100"/>
      <c r="E21" s="101" t="s">
        <v>227</v>
      </c>
      <c r="F21" s="101"/>
      <c r="G21" s="101"/>
      <c r="H21" s="100" t="s">
        <v>228</v>
      </c>
      <c r="I21" s="100"/>
      <c r="J21" s="100"/>
      <c r="K21" s="101" t="s">
        <v>229</v>
      </c>
      <c r="L21" s="101"/>
      <c r="M21" s="101"/>
      <c r="N21" s="100" t="s">
        <v>230</v>
      </c>
      <c r="O21" s="100"/>
      <c r="P21" s="100"/>
      <c r="Q21" s="101" t="s">
        <v>231</v>
      </c>
      <c r="R21" s="101"/>
      <c r="S21" s="101"/>
      <c r="T21" s="100" t="s">
        <v>232</v>
      </c>
      <c r="U21" s="100"/>
      <c r="V21" s="100"/>
      <c r="W21" s="101" t="s">
        <v>233</v>
      </c>
      <c r="X21" s="101"/>
      <c r="Y21" s="101"/>
      <c r="Z21" s="100" t="s">
        <v>234</v>
      </c>
      <c r="AA21" s="100"/>
      <c r="AB21" s="100"/>
      <c r="AC21" s="101" t="s">
        <v>235</v>
      </c>
      <c r="AD21" s="101"/>
      <c r="AE21" s="101"/>
      <c r="AF21" s="100" t="s">
        <v>236</v>
      </c>
      <c r="AG21" s="100"/>
      <c r="AH21" s="100"/>
      <c r="AI21" s="101" t="s">
        <v>237</v>
      </c>
      <c r="AJ21" s="101"/>
      <c r="AK21" s="101"/>
      <c r="AL21" s="100" t="s">
        <v>238</v>
      </c>
      <c r="AM21" s="100"/>
      <c r="AN21" s="100"/>
      <c r="AO21" s="101" t="s">
        <v>239</v>
      </c>
      <c r="AP21" s="101"/>
      <c r="AQ21" s="101"/>
    </row>
    <row r="22" spans="2:43" s="55" customFormat="1" ht="8.1" customHeight="1" x14ac:dyDescent="0.15">
      <c r="B22" s="100"/>
      <c r="C22" s="100"/>
      <c r="D22" s="100"/>
      <c r="E22" s="101"/>
      <c r="F22" s="101"/>
      <c r="G22" s="101"/>
      <c r="H22" s="100"/>
      <c r="I22" s="100"/>
      <c r="J22" s="100"/>
      <c r="K22" s="101"/>
      <c r="L22" s="101"/>
      <c r="M22" s="101"/>
      <c r="N22" s="100"/>
      <c r="O22" s="100"/>
      <c r="P22" s="100"/>
      <c r="Q22" s="101"/>
      <c r="R22" s="101"/>
      <c r="S22" s="101"/>
      <c r="T22" s="100"/>
      <c r="U22" s="100"/>
      <c r="V22" s="100"/>
      <c r="W22" s="101"/>
      <c r="X22" s="101"/>
      <c r="Y22" s="101"/>
      <c r="Z22" s="100"/>
      <c r="AA22" s="100"/>
      <c r="AB22" s="100"/>
      <c r="AC22" s="101"/>
      <c r="AD22" s="101"/>
      <c r="AE22" s="101"/>
      <c r="AF22" s="100"/>
      <c r="AG22" s="100"/>
      <c r="AH22" s="100"/>
      <c r="AI22" s="101"/>
      <c r="AJ22" s="101"/>
      <c r="AK22" s="101"/>
      <c r="AL22" s="100"/>
      <c r="AM22" s="100"/>
      <c r="AN22" s="100"/>
      <c r="AO22" s="101"/>
      <c r="AP22" s="101"/>
      <c r="AQ22" s="101"/>
    </row>
    <row r="23" spans="2:43" s="55" customFormat="1" ht="8.1" customHeight="1" x14ac:dyDescent="0.15">
      <c r="B23" s="100" t="s">
        <v>240</v>
      </c>
      <c r="C23" s="100"/>
      <c r="D23" s="100"/>
      <c r="E23" s="101" t="s">
        <v>241</v>
      </c>
      <c r="F23" s="101"/>
      <c r="G23" s="101"/>
      <c r="H23" s="100" t="s">
        <v>242</v>
      </c>
      <c r="I23" s="100"/>
      <c r="J23" s="100"/>
      <c r="K23" s="101" t="s">
        <v>243</v>
      </c>
      <c r="L23" s="101"/>
      <c r="M23" s="101"/>
      <c r="N23" s="100" t="s">
        <v>244</v>
      </c>
      <c r="O23" s="100"/>
      <c r="P23" s="100"/>
      <c r="Q23" s="101" t="s">
        <v>245</v>
      </c>
      <c r="R23" s="101"/>
      <c r="S23" s="101"/>
      <c r="T23" s="100" t="s">
        <v>32</v>
      </c>
      <c r="U23" s="100"/>
      <c r="V23" s="100"/>
      <c r="W23" s="101" t="s">
        <v>246</v>
      </c>
      <c r="X23" s="101"/>
      <c r="Y23" s="101"/>
      <c r="Z23" s="100" t="s">
        <v>247</v>
      </c>
      <c r="AA23" s="100"/>
      <c r="AB23" s="100"/>
      <c r="AC23" s="101" t="s">
        <v>248</v>
      </c>
      <c r="AD23" s="101"/>
      <c r="AE23" s="101"/>
      <c r="AF23" s="100" t="s">
        <v>249</v>
      </c>
      <c r="AG23" s="100"/>
      <c r="AH23" s="100"/>
      <c r="AI23" s="101" t="s">
        <v>250</v>
      </c>
      <c r="AJ23" s="101"/>
      <c r="AK23" s="101"/>
      <c r="AL23" s="59"/>
      <c r="AM23" s="59"/>
      <c r="AN23" s="59"/>
      <c r="AO23" s="59"/>
      <c r="AP23" s="59"/>
      <c r="AQ23" s="59"/>
    </row>
    <row r="24" spans="2:43" s="55" customFormat="1" ht="8.1" customHeight="1" x14ac:dyDescent="0.15">
      <c r="B24" s="100"/>
      <c r="C24" s="100"/>
      <c r="D24" s="100"/>
      <c r="E24" s="101"/>
      <c r="F24" s="101"/>
      <c r="G24" s="101"/>
      <c r="H24" s="100"/>
      <c r="I24" s="100"/>
      <c r="J24" s="100"/>
      <c r="K24" s="101"/>
      <c r="L24" s="101"/>
      <c r="M24" s="101"/>
      <c r="N24" s="100"/>
      <c r="O24" s="100"/>
      <c r="P24" s="100"/>
      <c r="Q24" s="101"/>
      <c r="R24" s="101"/>
      <c r="S24" s="101"/>
      <c r="T24" s="100"/>
      <c r="U24" s="100"/>
      <c r="V24" s="100"/>
      <c r="W24" s="101"/>
      <c r="X24" s="101"/>
      <c r="Y24" s="101"/>
      <c r="Z24" s="100"/>
      <c r="AA24" s="100"/>
      <c r="AB24" s="100"/>
      <c r="AC24" s="101"/>
      <c r="AD24" s="101"/>
      <c r="AE24" s="101"/>
      <c r="AF24" s="100"/>
      <c r="AG24" s="100"/>
      <c r="AH24" s="100"/>
      <c r="AI24" s="101"/>
      <c r="AJ24" s="101"/>
      <c r="AK24" s="101"/>
      <c r="AL24" s="68"/>
      <c r="AM24" s="67"/>
      <c r="AN24" s="67"/>
      <c r="AO24" s="67"/>
      <c r="AP24" s="67"/>
      <c r="AQ24" s="67"/>
    </row>
    <row r="25" spans="2:43" s="55" customFormat="1" ht="8.1" customHeight="1" x14ac:dyDescent="0.15">
      <c r="B25" s="100" t="s">
        <v>251</v>
      </c>
      <c r="C25" s="100"/>
      <c r="D25" s="100"/>
      <c r="E25" s="101" t="s">
        <v>252</v>
      </c>
      <c r="F25" s="101"/>
      <c r="G25" s="101"/>
      <c r="H25" s="100" t="s">
        <v>253</v>
      </c>
      <c r="I25" s="100"/>
      <c r="J25" s="100"/>
      <c r="K25" s="101" t="s">
        <v>254</v>
      </c>
      <c r="L25" s="101"/>
      <c r="M25" s="101"/>
      <c r="N25" s="100" t="s">
        <v>255</v>
      </c>
      <c r="O25" s="100"/>
      <c r="P25" s="100"/>
      <c r="Q25" s="101" t="s">
        <v>256</v>
      </c>
      <c r="R25" s="101"/>
      <c r="S25" s="101"/>
      <c r="T25" s="100" t="s">
        <v>257</v>
      </c>
      <c r="U25" s="100"/>
      <c r="V25" s="100"/>
      <c r="W25" s="101" t="s">
        <v>258</v>
      </c>
      <c r="X25" s="101"/>
      <c r="Y25" s="101"/>
      <c r="Z25" s="100" t="s">
        <v>259</v>
      </c>
      <c r="AA25" s="100"/>
      <c r="AB25" s="100"/>
      <c r="AC25" s="101" t="s">
        <v>260</v>
      </c>
      <c r="AD25" s="101"/>
      <c r="AE25" s="101"/>
      <c r="AF25" s="100" t="s">
        <v>261</v>
      </c>
      <c r="AG25" s="100"/>
      <c r="AH25" s="100"/>
      <c r="AI25" s="101" t="s">
        <v>262</v>
      </c>
      <c r="AJ25" s="101"/>
      <c r="AK25" s="101"/>
      <c r="AL25" s="59"/>
      <c r="AM25" s="67"/>
      <c r="AN25" s="67"/>
      <c r="AO25" s="67"/>
      <c r="AP25" s="67"/>
      <c r="AQ25" s="67"/>
    </row>
    <row r="26" spans="2:43" s="55" customFormat="1" ht="8.1" customHeight="1" x14ac:dyDescent="0.15">
      <c r="B26" s="100"/>
      <c r="C26" s="100"/>
      <c r="D26" s="100"/>
      <c r="E26" s="101"/>
      <c r="F26" s="101"/>
      <c r="G26" s="101"/>
      <c r="H26" s="100"/>
      <c r="I26" s="100"/>
      <c r="J26" s="100"/>
      <c r="K26" s="101"/>
      <c r="L26" s="101"/>
      <c r="M26" s="101"/>
      <c r="N26" s="100"/>
      <c r="O26" s="100"/>
      <c r="P26" s="100"/>
      <c r="Q26" s="101"/>
      <c r="R26" s="101"/>
      <c r="S26" s="101"/>
      <c r="T26" s="100"/>
      <c r="U26" s="100"/>
      <c r="V26" s="100"/>
      <c r="W26" s="101"/>
      <c r="X26" s="101"/>
      <c r="Y26" s="101"/>
      <c r="Z26" s="100"/>
      <c r="AA26" s="100"/>
      <c r="AB26" s="100"/>
      <c r="AC26" s="101"/>
      <c r="AD26" s="101"/>
      <c r="AE26" s="101"/>
      <c r="AF26" s="100"/>
      <c r="AG26" s="100"/>
      <c r="AH26" s="100"/>
      <c r="AI26" s="101"/>
      <c r="AJ26" s="101"/>
      <c r="AK26" s="101"/>
      <c r="AL26" s="68"/>
      <c r="AM26" s="59"/>
      <c r="AN26" s="59"/>
      <c r="AO26" s="59"/>
      <c r="AP26" s="59"/>
      <c r="AQ26" s="59"/>
    </row>
    <row r="27" spans="2:43" s="55" customFormat="1" ht="18" customHeight="1" x14ac:dyDescent="0.15"/>
  </sheetData>
  <mergeCells count="149">
    <mergeCell ref="O2:AC3"/>
    <mergeCell ref="B4:D4"/>
    <mergeCell ref="E4:G4"/>
    <mergeCell ref="I4:K4"/>
    <mergeCell ref="L4:N4"/>
    <mergeCell ref="P4:R4"/>
    <mergeCell ref="S4:U4"/>
    <mergeCell ref="W4:Y4"/>
    <mergeCell ref="Z4:AB4"/>
    <mergeCell ref="AD4:AF4"/>
    <mergeCell ref="AG4:AI4"/>
    <mergeCell ref="B5:D6"/>
    <mergeCell ref="E5:G6"/>
    <mergeCell ref="I5:K6"/>
    <mergeCell ref="L5:N6"/>
    <mergeCell ref="P5:R6"/>
    <mergeCell ref="S5:U6"/>
    <mergeCell ref="W5:Y6"/>
    <mergeCell ref="Z5:AB6"/>
    <mergeCell ref="AD5:AF6"/>
    <mergeCell ref="AG5:AI6"/>
    <mergeCell ref="B7:D8"/>
    <mergeCell ref="E7:G8"/>
    <mergeCell ref="I7:K8"/>
    <mergeCell ref="L7:N8"/>
    <mergeCell ref="P7:R8"/>
    <mergeCell ref="S7:U8"/>
    <mergeCell ref="W7:Y8"/>
    <mergeCell ref="Z7:AB8"/>
    <mergeCell ref="AD7:AF8"/>
    <mergeCell ref="AG7:AI8"/>
    <mergeCell ref="B9:D10"/>
    <mergeCell ref="E9:G10"/>
    <mergeCell ref="I9:K10"/>
    <mergeCell ref="L9:N10"/>
    <mergeCell ref="P9:R10"/>
    <mergeCell ref="S9:U10"/>
    <mergeCell ref="W9:Y10"/>
    <mergeCell ref="Z9:AB10"/>
    <mergeCell ref="AD9:AF10"/>
    <mergeCell ref="AG9:AI10"/>
    <mergeCell ref="B12:D12"/>
    <mergeCell ref="E12:G12"/>
    <mergeCell ref="H12:J12"/>
    <mergeCell ref="K12:M12"/>
    <mergeCell ref="N12:P12"/>
    <mergeCell ref="Q12:S12"/>
    <mergeCell ref="T12:V12"/>
    <mergeCell ref="W12:Y12"/>
    <mergeCell ref="Z12:AB12"/>
    <mergeCell ref="AC12:AE12"/>
    <mergeCell ref="AF12:AH12"/>
    <mergeCell ref="AI12:AK12"/>
    <mergeCell ref="AL12:AN12"/>
    <mergeCell ref="AO12:AQ12"/>
    <mergeCell ref="B13:D14"/>
    <mergeCell ref="E13:G14"/>
    <mergeCell ref="H13:J14"/>
    <mergeCell ref="K13:M14"/>
    <mergeCell ref="N13:P14"/>
    <mergeCell ref="Q13:S14"/>
    <mergeCell ref="T13:V14"/>
    <mergeCell ref="W13:Y14"/>
    <mergeCell ref="Z13:AB14"/>
    <mergeCell ref="AC13:AE14"/>
    <mergeCell ref="AF13:AH14"/>
    <mergeCell ref="AI13:AK14"/>
    <mergeCell ref="AL13:AN14"/>
    <mergeCell ref="AO13:AQ14"/>
    <mergeCell ref="B15:D16"/>
    <mergeCell ref="E15:G16"/>
    <mergeCell ref="H15:J16"/>
    <mergeCell ref="K15:M16"/>
    <mergeCell ref="N15:P16"/>
    <mergeCell ref="Q15:S16"/>
    <mergeCell ref="T15:V16"/>
    <mergeCell ref="W15:Y16"/>
    <mergeCell ref="Z15:AB16"/>
    <mergeCell ref="AC15:AE16"/>
    <mergeCell ref="AF15:AH16"/>
    <mergeCell ref="AI15:AK16"/>
    <mergeCell ref="AL15:AN16"/>
    <mergeCell ref="AO15:AQ16"/>
    <mergeCell ref="B17:D18"/>
    <mergeCell ref="E17:G18"/>
    <mergeCell ref="H17:J18"/>
    <mergeCell ref="K17:M18"/>
    <mergeCell ref="N17:P18"/>
    <mergeCell ref="Q17:S18"/>
    <mergeCell ref="T17:V18"/>
    <mergeCell ref="W17:Y18"/>
    <mergeCell ref="Z17:AB18"/>
    <mergeCell ref="AC17:AE18"/>
    <mergeCell ref="AF17:AH18"/>
    <mergeCell ref="AI17:AK18"/>
    <mergeCell ref="AL17:AN18"/>
    <mergeCell ref="AO17:AQ18"/>
    <mergeCell ref="B19:D20"/>
    <mergeCell ref="E19:G20"/>
    <mergeCell ref="H19:J20"/>
    <mergeCell ref="K19:M20"/>
    <mergeCell ref="N19:P20"/>
    <mergeCell ref="Q19:S20"/>
    <mergeCell ref="T19:V20"/>
    <mergeCell ref="W19:Y20"/>
    <mergeCell ref="Z19:AB20"/>
    <mergeCell ref="AC19:AE20"/>
    <mergeCell ref="AF19:AH20"/>
    <mergeCell ref="AI19:AK20"/>
    <mergeCell ref="AL19:AN20"/>
    <mergeCell ref="AO19:AQ20"/>
    <mergeCell ref="B21:D22"/>
    <mergeCell ref="E21:G22"/>
    <mergeCell ref="H21:J22"/>
    <mergeCell ref="K21:M22"/>
    <mergeCell ref="N21:P22"/>
    <mergeCell ref="Q21:S22"/>
    <mergeCell ref="T21:V22"/>
    <mergeCell ref="W21:Y22"/>
    <mergeCell ref="Z21:AB22"/>
    <mergeCell ref="AC21:AE22"/>
    <mergeCell ref="AF21:AH22"/>
    <mergeCell ref="AI21:AK22"/>
    <mergeCell ref="AL21:AN22"/>
    <mergeCell ref="AO21:AQ22"/>
    <mergeCell ref="B23:D24"/>
    <mergeCell ref="E23:G24"/>
    <mergeCell ref="H23:J24"/>
    <mergeCell ref="K23:M24"/>
    <mergeCell ref="N23:P24"/>
    <mergeCell ref="Q23:S24"/>
    <mergeCell ref="T23:V24"/>
    <mergeCell ref="W23:Y24"/>
    <mergeCell ref="Z23:AB24"/>
    <mergeCell ref="AC23:AE24"/>
    <mergeCell ref="AF23:AH24"/>
    <mergeCell ref="AI23:AK24"/>
    <mergeCell ref="B25:D26"/>
    <mergeCell ref="E25:G26"/>
    <mergeCell ref="H25:J26"/>
    <mergeCell ref="K25:M26"/>
    <mergeCell ref="N25:P26"/>
    <mergeCell ref="Q25:S26"/>
    <mergeCell ref="T25:V26"/>
    <mergeCell ref="W25:Y26"/>
    <mergeCell ref="Z25:AB26"/>
    <mergeCell ref="AC25:AE26"/>
    <mergeCell ref="AF25:AH26"/>
    <mergeCell ref="AI25:AK26"/>
  </mergeCells>
  <phoneticPr fontId="1"/>
  <pageMargins left="0.7" right="0.7" top="0.75" bottom="0.75" header="0.3" footer="0.3"/>
  <pageSetup paperSize="9" orientation="landscape" r:id="rId1"/>
  <ignoredErrors>
    <ignoredError sqref="E5:G10 L5:N10 S5:U10 Z5:AB10 AG5:AI10 E13:G26 K13:M26 Q13:S26 W13:Y26 AC13:AE26 AI13:AK26 AO13:AQ22" numberStoredAsText="1"/>
  </ignoredError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43"/>
  <sheetViews>
    <sheetView workbookViewId="0">
      <selection activeCell="B11" sqref="B11"/>
    </sheetView>
  </sheetViews>
  <sheetFormatPr defaultRowHeight="12" x14ac:dyDescent="0.15"/>
  <cols>
    <col min="1" max="1" width="15.85546875" style="47" customWidth="1"/>
    <col min="2" max="2" width="21.28515625" style="47" customWidth="1"/>
    <col min="3" max="16384" width="9.140625" style="41"/>
  </cols>
  <sheetData>
    <row r="1" spans="1:2" x14ac:dyDescent="0.15">
      <c r="A1" s="39" t="s">
        <v>34</v>
      </c>
      <c r="B1" s="40" t="s">
        <v>35</v>
      </c>
    </row>
    <row r="2" spans="1:2" x14ac:dyDescent="0.15">
      <c r="A2" s="42" t="s">
        <v>36</v>
      </c>
      <c r="B2" s="43" t="s">
        <v>37</v>
      </c>
    </row>
    <row r="3" spans="1:2" x14ac:dyDescent="0.15">
      <c r="A3" s="42" t="s">
        <v>38</v>
      </c>
      <c r="B3" s="43" t="s">
        <v>39</v>
      </c>
    </row>
    <row r="4" spans="1:2" x14ac:dyDescent="0.15">
      <c r="A4" s="42" t="s">
        <v>40</v>
      </c>
      <c r="B4" s="43" t="s">
        <v>41</v>
      </c>
    </row>
    <row r="5" spans="1:2" x14ac:dyDescent="0.15">
      <c r="A5" s="42" t="s">
        <v>42</v>
      </c>
      <c r="B5" s="43" t="s">
        <v>43</v>
      </c>
    </row>
    <row r="6" spans="1:2" x14ac:dyDescent="0.15">
      <c r="A6" s="42" t="s">
        <v>44</v>
      </c>
      <c r="B6" s="43" t="s">
        <v>45</v>
      </c>
    </row>
    <row r="7" spans="1:2" x14ac:dyDescent="0.15">
      <c r="A7" s="42" t="s">
        <v>46</v>
      </c>
      <c r="B7" s="43" t="s">
        <v>47</v>
      </c>
    </row>
    <row r="8" spans="1:2" x14ac:dyDescent="0.15">
      <c r="A8" s="42" t="s">
        <v>48</v>
      </c>
      <c r="B8" s="43" t="s">
        <v>49</v>
      </c>
    </row>
    <row r="9" spans="1:2" x14ac:dyDescent="0.15">
      <c r="A9" s="42" t="s">
        <v>50</v>
      </c>
      <c r="B9" s="43" t="s">
        <v>51</v>
      </c>
    </row>
    <row r="10" spans="1:2" x14ac:dyDescent="0.15">
      <c r="A10" s="42" t="s">
        <v>52</v>
      </c>
      <c r="B10" s="43" t="s">
        <v>53</v>
      </c>
    </row>
    <row r="11" spans="1:2" x14ac:dyDescent="0.15">
      <c r="A11" s="42" t="s">
        <v>54</v>
      </c>
      <c r="B11" s="69" t="s">
        <v>55</v>
      </c>
    </row>
    <row r="12" spans="1:2" x14ac:dyDescent="0.15">
      <c r="A12" s="42" t="s">
        <v>56</v>
      </c>
      <c r="B12" s="43" t="s">
        <v>57</v>
      </c>
    </row>
    <row r="13" spans="1:2" x14ac:dyDescent="0.15">
      <c r="A13" s="42" t="s">
        <v>58</v>
      </c>
      <c r="B13" s="43" t="s">
        <v>59</v>
      </c>
    </row>
    <row r="14" spans="1:2" x14ac:dyDescent="0.15">
      <c r="A14" s="42" t="s">
        <v>60</v>
      </c>
      <c r="B14" s="43" t="s">
        <v>61</v>
      </c>
    </row>
    <row r="15" spans="1:2" x14ac:dyDescent="0.15">
      <c r="A15" s="42" t="s">
        <v>62</v>
      </c>
      <c r="B15" s="43" t="s">
        <v>63</v>
      </c>
    </row>
    <row r="16" spans="1:2" x14ac:dyDescent="0.15">
      <c r="A16" s="42" t="s">
        <v>64</v>
      </c>
      <c r="B16" s="43" t="s">
        <v>65</v>
      </c>
    </row>
    <row r="17" spans="1:2" x14ac:dyDescent="0.15">
      <c r="A17" s="42" t="s">
        <v>66</v>
      </c>
      <c r="B17" s="43" t="s">
        <v>67</v>
      </c>
    </row>
    <row r="18" spans="1:2" x14ac:dyDescent="0.15">
      <c r="A18" s="42" t="s">
        <v>68</v>
      </c>
      <c r="B18" s="43" t="s">
        <v>69</v>
      </c>
    </row>
    <row r="19" spans="1:2" x14ac:dyDescent="0.15">
      <c r="A19" s="42" t="s">
        <v>70</v>
      </c>
      <c r="B19" s="43" t="s">
        <v>71</v>
      </c>
    </row>
    <row r="20" spans="1:2" x14ac:dyDescent="0.15">
      <c r="A20" s="42" t="s">
        <v>72</v>
      </c>
      <c r="B20" s="43" t="s">
        <v>73</v>
      </c>
    </row>
    <row r="21" spans="1:2" x14ac:dyDescent="0.15">
      <c r="A21" s="42" t="s">
        <v>74</v>
      </c>
      <c r="B21" s="43" t="s">
        <v>75</v>
      </c>
    </row>
    <row r="22" spans="1:2" x14ac:dyDescent="0.15">
      <c r="A22" s="42" t="s">
        <v>76</v>
      </c>
      <c r="B22" s="43" t="s">
        <v>77</v>
      </c>
    </row>
    <row r="23" spans="1:2" x14ac:dyDescent="0.15">
      <c r="A23" s="42" t="s">
        <v>78</v>
      </c>
      <c r="B23" s="43" t="s">
        <v>79</v>
      </c>
    </row>
    <row r="24" spans="1:2" x14ac:dyDescent="0.15">
      <c r="A24" s="42" t="s">
        <v>80</v>
      </c>
      <c r="B24" s="43" t="s">
        <v>81</v>
      </c>
    </row>
    <row r="25" spans="1:2" x14ac:dyDescent="0.15">
      <c r="A25" s="42" t="s">
        <v>82</v>
      </c>
      <c r="B25" s="43" t="s">
        <v>83</v>
      </c>
    </row>
    <row r="26" spans="1:2" x14ac:dyDescent="0.15">
      <c r="A26" s="42" t="s">
        <v>84</v>
      </c>
      <c r="B26" s="43" t="s">
        <v>85</v>
      </c>
    </row>
    <row r="27" spans="1:2" x14ac:dyDescent="0.15">
      <c r="A27" s="42" t="s">
        <v>86</v>
      </c>
      <c r="B27" s="43" t="s">
        <v>87</v>
      </c>
    </row>
    <row r="28" spans="1:2" x14ac:dyDescent="0.15">
      <c r="A28" s="42" t="s">
        <v>88</v>
      </c>
      <c r="B28" s="43" t="s">
        <v>89</v>
      </c>
    </row>
    <row r="29" spans="1:2" x14ac:dyDescent="0.15">
      <c r="A29" s="42" t="s">
        <v>90</v>
      </c>
      <c r="B29" s="43" t="s">
        <v>91</v>
      </c>
    </row>
    <row r="30" spans="1:2" x14ac:dyDescent="0.15">
      <c r="A30" s="42" t="s">
        <v>92</v>
      </c>
      <c r="B30" s="43" t="s">
        <v>93</v>
      </c>
    </row>
    <row r="31" spans="1:2" x14ac:dyDescent="0.15">
      <c r="A31" s="42" t="s">
        <v>94</v>
      </c>
      <c r="B31" s="43" t="s">
        <v>95</v>
      </c>
    </row>
    <row r="32" spans="1:2" x14ac:dyDescent="0.15">
      <c r="A32" s="42" t="s">
        <v>96</v>
      </c>
      <c r="B32" s="43" t="s">
        <v>97</v>
      </c>
    </row>
    <row r="33" spans="1:2" x14ac:dyDescent="0.15">
      <c r="A33" s="42" t="s">
        <v>98</v>
      </c>
      <c r="B33" s="43" t="s">
        <v>99</v>
      </c>
    </row>
    <row r="34" spans="1:2" x14ac:dyDescent="0.15">
      <c r="A34" s="42" t="s">
        <v>100</v>
      </c>
      <c r="B34" s="43" t="s">
        <v>101</v>
      </c>
    </row>
    <row r="35" spans="1:2" x14ac:dyDescent="0.15">
      <c r="A35" s="42" t="s">
        <v>102</v>
      </c>
      <c r="B35" s="43" t="s">
        <v>103</v>
      </c>
    </row>
    <row r="36" spans="1:2" x14ac:dyDescent="0.15">
      <c r="A36" s="42" t="s">
        <v>104</v>
      </c>
      <c r="B36" s="43" t="s">
        <v>105</v>
      </c>
    </row>
    <row r="37" spans="1:2" x14ac:dyDescent="0.15">
      <c r="A37" s="42" t="s">
        <v>106</v>
      </c>
      <c r="B37" s="43" t="s">
        <v>107</v>
      </c>
    </row>
    <row r="38" spans="1:2" x14ac:dyDescent="0.15">
      <c r="A38" s="42" t="s">
        <v>108</v>
      </c>
      <c r="B38" s="43" t="s">
        <v>109</v>
      </c>
    </row>
    <row r="39" spans="1:2" x14ac:dyDescent="0.15">
      <c r="A39" s="42" t="s">
        <v>110</v>
      </c>
      <c r="B39" s="43" t="s">
        <v>111</v>
      </c>
    </row>
    <row r="40" spans="1:2" x14ac:dyDescent="0.15">
      <c r="A40" s="42" t="s">
        <v>112</v>
      </c>
      <c r="B40" s="43" t="s">
        <v>113</v>
      </c>
    </row>
    <row r="41" spans="1:2" x14ac:dyDescent="0.15">
      <c r="A41" s="42" t="s">
        <v>114</v>
      </c>
      <c r="B41" s="43" t="s">
        <v>115</v>
      </c>
    </row>
    <row r="42" spans="1:2" ht="12.75" thickBot="1" x14ac:dyDescent="0.2">
      <c r="A42" s="44" t="s">
        <v>116</v>
      </c>
      <c r="B42" s="45" t="s">
        <v>117</v>
      </c>
    </row>
    <row r="43" spans="1:2" ht="12.75" thickBot="1" x14ac:dyDescent="0.2">
      <c r="A43" s="46" t="s">
        <v>118</v>
      </c>
      <c r="B43" s="48"/>
    </row>
  </sheetData>
  <phoneticPr fontId="1"/>
  <pageMargins left="0.7" right="0.7" top="0.75" bottom="0.75" header="0.3" footer="0.3"/>
  <pageSetup paperSize="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18"/>
  <sheetViews>
    <sheetView workbookViewId="0">
      <selection activeCell="I25" sqref="I25"/>
    </sheetView>
  </sheetViews>
  <sheetFormatPr defaultRowHeight="12" x14ac:dyDescent="0.15"/>
  <cols>
    <col min="1" max="1" width="18.28515625" style="47" customWidth="1"/>
    <col min="2" max="2" width="14.85546875" style="47" customWidth="1"/>
    <col min="3" max="16384" width="9.140625" style="41"/>
  </cols>
  <sheetData>
    <row r="1" spans="1:2" x14ac:dyDescent="0.15">
      <c r="A1" s="49" t="s">
        <v>119</v>
      </c>
      <c r="B1" s="50" t="s">
        <v>120</v>
      </c>
    </row>
    <row r="2" spans="1:2" x14ac:dyDescent="0.15">
      <c r="A2" s="42" t="s">
        <v>121</v>
      </c>
      <c r="B2" s="43" t="s">
        <v>122</v>
      </c>
    </row>
    <row r="3" spans="1:2" x14ac:dyDescent="0.15">
      <c r="A3" s="42" t="s">
        <v>123</v>
      </c>
      <c r="B3" s="43" t="s">
        <v>124</v>
      </c>
    </row>
    <row r="4" spans="1:2" x14ac:dyDescent="0.15">
      <c r="A4" s="42" t="s">
        <v>125</v>
      </c>
      <c r="B4" s="43" t="s">
        <v>126</v>
      </c>
    </row>
    <row r="5" spans="1:2" x14ac:dyDescent="0.15">
      <c r="A5" s="42" t="s">
        <v>127</v>
      </c>
      <c r="B5" s="43" t="s">
        <v>128</v>
      </c>
    </row>
    <row r="6" spans="1:2" x14ac:dyDescent="0.15">
      <c r="A6" s="42" t="s">
        <v>129</v>
      </c>
      <c r="B6" s="43" t="s">
        <v>130</v>
      </c>
    </row>
    <row r="7" spans="1:2" x14ac:dyDescent="0.15">
      <c r="A7" s="42" t="s">
        <v>131</v>
      </c>
      <c r="B7" s="43" t="s">
        <v>132</v>
      </c>
    </row>
    <row r="8" spans="1:2" x14ac:dyDescent="0.15">
      <c r="A8" s="42" t="s">
        <v>133</v>
      </c>
      <c r="B8" s="43" t="s">
        <v>134</v>
      </c>
    </row>
    <row r="9" spans="1:2" x14ac:dyDescent="0.15">
      <c r="A9" s="42" t="s">
        <v>135</v>
      </c>
      <c r="B9" s="43" t="s">
        <v>136</v>
      </c>
    </row>
    <row r="10" spans="1:2" x14ac:dyDescent="0.15">
      <c r="A10" s="42" t="s">
        <v>137</v>
      </c>
      <c r="B10" s="43" t="s">
        <v>138</v>
      </c>
    </row>
    <row r="11" spans="1:2" x14ac:dyDescent="0.15">
      <c r="A11" s="42" t="s">
        <v>139</v>
      </c>
      <c r="B11" s="43" t="s">
        <v>140</v>
      </c>
    </row>
    <row r="12" spans="1:2" x14ac:dyDescent="0.15">
      <c r="A12" s="42" t="s">
        <v>141</v>
      </c>
      <c r="B12" s="43" t="s">
        <v>142</v>
      </c>
    </row>
    <row r="13" spans="1:2" x14ac:dyDescent="0.15">
      <c r="A13" s="42" t="s">
        <v>143</v>
      </c>
      <c r="B13" s="43" t="s">
        <v>144</v>
      </c>
    </row>
    <row r="14" spans="1:2" x14ac:dyDescent="0.15">
      <c r="A14" s="42" t="s">
        <v>145</v>
      </c>
      <c r="B14" s="43" t="s">
        <v>146</v>
      </c>
    </row>
    <row r="15" spans="1:2" x14ac:dyDescent="0.15">
      <c r="A15" s="42" t="s">
        <v>147</v>
      </c>
      <c r="B15" s="43" t="s">
        <v>148</v>
      </c>
    </row>
    <row r="16" spans="1:2" x14ac:dyDescent="0.15">
      <c r="A16" s="42" t="s">
        <v>149</v>
      </c>
      <c r="B16" s="43" t="s">
        <v>150</v>
      </c>
    </row>
    <row r="17" spans="1:2" ht="12.75" thickBot="1" x14ac:dyDescent="0.2">
      <c r="A17" s="44" t="s">
        <v>151</v>
      </c>
      <c r="B17" s="45" t="s">
        <v>152</v>
      </c>
    </row>
    <row r="18" spans="1:2" ht="12.75" thickBot="1" x14ac:dyDescent="0.2">
      <c r="A18" s="46" t="s">
        <v>153</v>
      </c>
    </row>
  </sheetData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1</vt:i4>
      </vt:variant>
    </vt:vector>
  </HeadingPairs>
  <TitlesOfParts>
    <vt:vector size="5" baseType="lpstr">
      <vt:lpstr>県外産廃処分実績報告様式</vt:lpstr>
      <vt:lpstr>地域コード</vt:lpstr>
      <vt:lpstr>産業廃棄物の種類</vt:lpstr>
      <vt:lpstr>処分方法</vt:lpstr>
      <vt:lpstr>県外産廃処分実績報告様式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田　有香</dc:creator>
  <cp:lastModifiedBy>中田　有香</cp:lastModifiedBy>
  <cp:lastPrinted>2012-06-20T08:35:42Z</cp:lastPrinted>
  <dcterms:created xsi:type="dcterms:W3CDTF">2002-04-19T08:20:10Z</dcterms:created>
  <dcterms:modified xsi:type="dcterms:W3CDTF">2023-01-05T05:30:02Z</dcterms:modified>
</cp:coreProperties>
</file>